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fntdata" ContentType="application/x-fontdata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slideLayouts/slideLayout62.xml" ContentType="application/vnd.openxmlformats-officedocument.presentationml.slideLayout+xml"/>
  <Override PartName="/ppt/slideLayouts/slideLayout63.xml" ContentType="application/vnd.openxmlformats-officedocument.presentationml.slideLayout+xml"/>
  <Override PartName="/ppt/slideLayouts/slideLayout64.xml" ContentType="application/vnd.openxmlformats-officedocument.presentationml.slideLayout+xml"/>
  <Override PartName="/ppt/slideLayouts/slideLayout65.xml" ContentType="application/vnd.openxmlformats-officedocument.presentationml.slideLayout+xml"/>
  <Override PartName="/ppt/slideLayouts/slideLayout66.xml" ContentType="application/vnd.openxmlformats-officedocument.presentationml.slideLayout+xml"/>
  <Override PartName="/ppt/slideLayouts/slideLayout67.xml" ContentType="application/vnd.openxmlformats-officedocument.presentationml.slideLayout+xml"/>
  <Override PartName="/ppt/slideLayouts/slideLayout68.xml" ContentType="application/vnd.openxmlformats-officedocument.presentationml.slideLayout+xml"/>
  <Override PartName="/ppt/slideLayouts/slideLayout69.xml" ContentType="application/vnd.openxmlformats-officedocument.presentationml.slideLayout+xml"/>
  <Override PartName="/ppt/slideLayouts/slideLayout70.xml" ContentType="application/vnd.openxmlformats-officedocument.presentationml.slideLayout+xml"/>
  <Override PartName="/ppt/slideLayouts/slideLayout71.xml" ContentType="application/vnd.openxmlformats-officedocument.presentationml.slideLayout+xml"/>
  <Override PartName="/ppt/slideLayouts/slideLayout72.xml" ContentType="application/vnd.openxmlformats-officedocument.presentationml.slideLayout+xml"/>
  <Override PartName="/ppt/slideLayouts/slideLayout73.xml" ContentType="application/vnd.openxmlformats-officedocument.presentationml.slideLayout+xml"/>
  <Override PartName="/ppt/slideLayouts/slideLayout74.xml" ContentType="application/vnd.openxmlformats-officedocument.presentationml.slideLayout+xml"/>
  <Override PartName="/ppt/slideLayouts/slideLayout75.xml" ContentType="application/vnd.openxmlformats-officedocument.presentationml.slideLayout+xml"/>
  <Override PartName="/ppt/slideLayouts/slideLayout76.xml" ContentType="application/vnd.openxmlformats-officedocument.presentationml.slideLayout+xml"/>
  <Override PartName="/ppt/slideLayouts/slideLayout77.xml" ContentType="application/vnd.openxmlformats-officedocument.presentationml.slideLayout+xml"/>
  <Override PartName="/ppt/slideLayouts/slideLayout78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heme/theme3.xml" ContentType="application/vnd.openxmlformats-officedocument.theme+xml"/>
  <Override PartName="/ppt/theme/theme4.xml" ContentType="application/vnd.openxmlformats-officedocument.theme+xml"/>
  <Override PartName="/ppt/tags/tag47.xml" ContentType="application/vnd.openxmlformats-officedocument.presentationml.tags+xml"/>
  <Override PartName="/ppt/notesSlides/notesSlide1.xml" ContentType="application/vnd.openxmlformats-officedocument.presentationml.notesSlide+xml"/>
  <Override PartName="/ppt/media/image60.bin" ContentType="image/jpeg"/>
  <Override PartName="/ppt/changesInfos/changesInfo1.xml" ContentType="application/vnd.ms-powerpoint.changesinfo+xml"/>
  <Override PartName="/ppt/revisionInfo.xml" ContentType="application/vnd.ms-powerpoint.revisioninfo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 saveSubsetFonts="1">
  <p:sldMasterIdLst>
    <p:sldMasterId id="2147483660" r:id="rId8"/>
    <p:sldMasterId id="2147483765" r:id="rId9"/>
  </p:sldMasterIdLst>
  <p:notesMasterIdLst>
    <p:notesMasterId r:id="rId32"/>
  </p:notesMasterIdLst>
  <p:handoutMasterIdLst>
    <p:handoutMasterId r:id="rId33"/>
  </p:handoutMasterIdLst>
  <p:sldIdLst>
    <p:sldId id="2147479193" r:id="rId10"/>
    <p:sldId id="2147479842" r:id="rId11"/>
    <p:sldId id="2147479840" r:id="rId12"/>
    <p:sldId id="2147479824" r:id="rId13"/>
    <p:sldId id="2147479823" r:id="rId14"/>
    <p:sldId id="2147479826" r:id="rId15"/>
    <p:sldId id="2147479825" r:id="rId16"/>
    <p:sldId id="2147479841" r:id="rId17"/>
    <p:sldId id="2147479832" r:id="rId18"/>
    <p:sldId id="2147479836" r:id="rId19"/>
    <p:sldId id="2147479833" r:id="rId20"/>
    <p:sldId id="2147479843" r:id="rId21"/>
    <p:sldId id="2147479835" r:id="rId22"/>
    <p:sldId id="2147479837" r:id="rId23"/>
    <p:sldId id="2147479838" r:id="rId24"/>
    <p:sldId id="2147479839" r:id="rId25"/>
    <p:sldId id="2147479831" r:id="rId26"/>
    <p:sldId id="2147479830" r:id="rId27"/>
    <p:sldId id="1448943273" r:id="rId28"/>
    <p:sldId id="2147479828" r:id="rId29"/>
    <p:sldId id="2147479834" r:id="rId30"/>
    <p:sldId id="2147479797" r:id="rId31"/>
  </p:sldIdLst>
  <p:sldSz cx="12192000" cy="6858000"/>
  <p:notesSz cx="6858000" cy="9144000"/>
  <p:embeddedFontLst>
    <p:embeddedFont>
      <p:font typeface="Ericsson Hilda" panose="00000500000000000000" pitchFamily="2" charset="0"/>
      <p:regular r:id="rId34"/>
      <p:bold r:id="rId35"/>
      <p:italic r:id="rId36"/>
      <p:boldItalic r:id="rId37"/>
    </p:embeddedFont>
    <p:embeddedFont>
      <p:font typeface="Ericsson Hilda ExtraBold" panose="00000900000000000000" pitchFamily="2" charset="0"/>
      <p:bold r:id="rId38"/>
    </p:embeddedFont>
    <p:embeddedFont>
      <p:font typeface="Ericsson Hilda ExtraLight" panose="00000300000000000000" pitchFamily="2" charset="0"/>
      <p:regular r:id="rId39"/>
    </p:embeddedFont>
    <p:embeddedFont>
      <p:font typeface="Ericsson Hilda Light" panose="00000400000000000000" pitchFamily="2" charset="0"/>
      <p:regular r:id="rId40"/>
      <p:italic r:id="rId41"/>
    </p:embeddedFont>
    <p:embeddedFont>
      <p:font typeface="Ericsson Technical Icons" panose="020B0604020202020204" charset="0"/>
      <p:regular r:id="rId42"/>
      <p:bold r:id="rId43"/>
      <p:italic r:id="rId44"/>
      <p:boldItalic r:id="rId45"/>
    </p:embeddedFont>
    <p:embeddedFont>
      <p:font typeface="EucrosiaUPC" panose="02020603050405020304" pitchFamily="18" charset="-34"/>
      <p:regular r:id="rId46"/>
      <p:bold r:id="rId47"/>
      <p:italic r:id="rId48"/>
      <p:boldItalic r:id="rId49"/>
    </p:embeddedFont>
    <p:embeddedFont>
      <p:font typeface="Lato Light" panose="020F0502020204030203" pitchFamily="34" charset="0"/>
      <p:regular r:id="rId50"/>
      <p:italic r:id="rId51"/>
    </p:embeddedFont>
  </p:embeddedFontLst>
  <p:defaultTextStyle>
    <a:defPPr>
      <a:defRPr lang="en-US"/>
    </a:defPPr>
  </p:defaultTextStyle>
  <p:extLst>
    <p:ext uri="{521415D9-36F7-43E2-AB2F-B90AF26B5E84}">
      <p14:sectionLst xmlns:p14="http://schemas.microsoft.com/office/powerpoint/2010/main">
        <p14:section name="Default Section" id="{976FE3CF-929B-4CC2-BA5D-176FA5CFCE2A}">
          <p14:sldIdLst>
            <p14:sldId id="2147479193"/>
            <p14:sldId id="2147479842"/>
            <p14:sldId id="2147479840"/>
            <p14:sldId id="2147479824"/>
            <p14:sldId id="2147479823"/>
            <p14:sldId id="2147479826"/>
            <p14:sldId id="2147479825"/>
            <p14:sldId id="2147479841"/>
            <p14:sldId id="2147479832"/>
            <p14:sldId id="2147479836"/>
            <p14:sldId id="2147479833"/>
            <p14:sldId id="2147479843"/>
            <p14:sldId id="2147479835"/>
            <p14:sldId id="2147479837"/>
            <p14:sldId id="2147479838"/>
            <p14:sldId id="2147479839"/>
            <p14:sldId id="2147479831"/>
            <p14:sldId id="2147479830"/>
            <p14:sldId id="1448943273"/>
            <p14:sldId id="2147479828"/>
            <p14:sldId id="2147479834"/>
            <p14:sldId id="2147479797"/>
          </p14:sldIdLst>
        </p14:section>
      </p14:sectionLst>
    </p:ex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491F1958-6B46-14A4-DE08-E65DBFA41CC9}" name="Raul Martin R" initials="RMR" userId="S::raul.r.martin@ericsson.com::a2bbbdf7-c53a-4cbd-a9ca-e03ef66e856b" providerId="AD"/>
  <p188:author id="{AD810EC5-E887-B811-D572-403A60F0223A}" name="Oscar Llorente Gonzalez" initials="OLG" userId="S::oscar.llorente.gonzalez@ericsson.com::e1d48c7f-7de1-49f5-ba88-07a54202ac7d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7C80"/>
    <a:srgbClr val="DAE8FC"/>
    <a:srgbClr val="F8CECC"/>
    <a:srgbClr val="FF5656"/>
    <a:srgbClr val="33999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F37813CC-6907-4F4D-B15A-1E0D0E480B20}" v="105" dt="2025-02-20T16:27:12.844"/>
  </p1510:revLst>
</p1510:revInfo>
</file>

<file path=ppt/tableStyles.xml><?xml version="1.0" encoding="utf-8"?>
<a:tblStyleLst xmlns:a="http://schemas.openxmlformats.org/drawingml/2006/main" def="{5C22544A-7EE6-4342-B048-85BDC9FD1C3A}"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3900" autoAdjust="0"/>
    <p:restoredTop sz="94660"/>
  </p:normalViewPr>
  <p:slideViewPr>
    <p:cSldViewPr snapToGrid="0">
      <p:cViewPr varScale="1">
        <p:scale>
          <a:sx n="116" d="100"/>
          <a:sy n="116" d="100"/>
        </p:scale>
        <p:origin x="782" y="77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124" d="100"/>
          <a:sy n="124" d="100"/>
        </p:scale>
        <p:origin x="4960" y="88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4.xml"/><Relationship Id="rId18" Type="http://schemas.openxmlformats.org/officeDocument/2006/relationships/slide" Target="slides/slide9.xml"/><Relationship Id="rId26" Type="http://schemas.openxmlformats.org/officeDocument/2006/relationships/slide" Target="slides/slide17.xml"/><Relationship Id="rId39" Type="http://schemas.openxmlformats.org/officeDocument/2006/relationships/font" Target="fonts/font6.fntdata"/><Relationship Id="rId21" Type="http://schemas.openxmlformats.org/officeDocument/2006/relationships/slide" Target="slides/slide12.xml"/><Relationship Id="rId34" Type="http://schemas.openxmlformats.org/officeDocument/2006/relationships/font" Target="fonts/font1.fntdata"/><Relationship Id="rId42" Type="http://schemas.openxmlformats.org/officeDocument/2006/relationships/font" Target="fonts/font9.fntdata"/><Relationship Id="rId47" Type="http://schemas.openxmlformats.org/officeDocument/2006/relationships/font" Target="fonts/font14.fntdata"/><Relationship Id="rId50" Type="http://schemas.openxmlformats.org/officeDocument/2006/relationships/font" Target="fonts/font17.fntdata"/><Relationship Id="rId55" Type="http://schemas.openxmlformats.org/officeDocument/2006/relationships/tableStyles" Target="tableStyles.xml"/><Relationship Id="rId7" Type="http://schemas.openxmlformats.org/officeDocument/2006/relationships/customXml" Target="../customXml/item7.xml"/><Relationship Id="rId2" Type="http://schemas.openxmlformats.org/officeDocument/2006/relationships/customXml" Target="../customXml/item2.xml"/><Relationship Id="rId16" Type="http://schemas.openxmlformats.org/officeDocument/2006/relationships/slide" Target="slides/slide7.xml"/><Relationship Id="rId29" Type="http://schemas.openxmlformats.org/officeDocument/2006/relationships/slide" Target="slides/slide20.xml"/><Relationship Id="rId11" Type="http://schemas.openxmlformats.org/officeDocument/2006/relationships/slide" Target="slides/slide2.xml"/><Relationship Id="rId24" Type="http://schemas.openxmlformats.org/officeDocument/2006/relationships/slide" Target="slides/slide15.xml"/><Relationship Id="rId32" Type="http://schemas.openxmlformats.org/officeDocument/2006/relationships/notesMaster" Target="notesMasters/notesMaster1.xml"/><Relationship Id="rId37" Type="http://schemas.openxmlformats.org/officeDocument/2006/relationships/font" Target="fonts/font4.fntdata"/><Relationship Id="rId40" Type="http://schemas.openxmlformats.org/officeDocument/2006/relationships/font" Target="fonts/font7.fntdata"/><Relationship Id="rId45" Type="http://schemas.openxmlformats.org/officeDocument/2006/relationships/font" Target="fonts/font12.fntdata"/><Relationship Id="rId53" Type="http://schemas.openxmlformats.org/officeDocument/2006/relationships/viewProps" Target="viewProps.xml"/><Relationship Id="rId58" Type="http://schemas.microsoft.com/office/2018/10/relationships/authors" Target="authors.xml"/><Relationship Id="rId5" Type="http://schemas.openxmlformats.org/officeDocument/2006/relationships/customXml" Target="../customXml/item5.xml"/><Relationship Id="rId19" Type="http://schemas.openxmlformats.org/officeDocument/2006/relationships/slide" Target="slides/slide10.xml"/><Relationship Id="rId4" Type="http://schemas.openxmlformats.org/officeDocument/2006/relationships/customXml" Target="../customXml/item4.xml"/><Relationship Id="rId9" Type="http://schemas.openxmlformats.org/officeDocument/2006/relationships/slideMaster" Target="slideMasters/slideMaster2.xml"/><Relationship Id="rId14" Type="http://schemas.openxmlformats.org/officeDocument/2006/relationships/slide" Target="slides/slide5.xml"/><Relationship Id="rId22" Type="http://schemas.openxmlformats.org/officeDocument/2006/relationships/slide" Target="slides/slide13.xml"/><Relationship Id="rId27" Type="http://schemas.openxmlformats.org/officeDocument/2006/relationships/slide" Target="slides/slide18.xml"/><Relationship Id="rId30" Type="http://schemas.openxmlformats.org/officeDocument/2006/relationships/slide" Target="slides/slide21.xml"/><Relationship Id="rId35" Type="http://schemas.openxmlformats.org/officeDocument/2006/relationships/font" Target="fonts/font2.fntdata"/><Relationship Id="rId43" Type="http://schemas.openxmlformats.org/officeDocument/2006/relationships/font" Target="fonts/font10.fntdata"/><Relationship Id="rId48" Type="http://schemas.openxmlformats.org/officeDocument/2006/relationships/font" Target="fonts/font15.fntdata"/><Relationship Id="rId56" Type="http://schemas.microsoft.com/office/2016/11/relationships/changesInfo" Target="changesInfos/changesInfo1.xml"/><Relationship Id="rId8" Type="http://schemas.openxmlformats.org/officeDocument/2006/relationships/slideMaster" Target="slideMasters/slideMaster1.xml"/><Relationship Id="rId51" Type="http://schemas.openxmlformats.org/officeDocument/2006/relationships/font" Target="fonts/font18.fntdata"/><Relationship Id="rId3" Type="http://schemas.openxmlformats.org/officeDocument/2006/relationships/customXml" Target="../customXml/item3.xml"/><Relationship Id="rId12" Type="http://schemas.openxmlformats.org/officeDocument/2006/relationships/slide" Target="slides/slide3.xml"/><Relationship Id="rId17" Type="http://schemas.openxmlformats.org/officeDocument/2006/relationships/slide" Target="slides/slide8.xml"/><Relationship Id="rId25" Type="http://schemas.openxmlformats.org/officeDocument/2006/relationships/slide" Target="slides/slide16.xml"/><Relationship Id="rId33" Type="http://schemas.openxmlformats.org/officeDocument/2006/relationships/handoutMaster" Target="handoutMasters/handoutMaster1.xml"/><Relationship Id="rId38" Type="http://schemas.openxmlformats.org/officeDocument/2006/relationships/font" Target="fonts/font5.fntdata"/><Relationship Id="rId46" Type="http://schemas.openxmlformats.org/officeDocument/2006/relationships/font" Target="fonts/font13.fntdata"/><Relationship Id="rId20" Type="http://schemas.openxmlformats.org/officeDocument/2006/relationships/slide" Target="slides/slide11.xml"/><Relationship Id="rId41" Type="http://schemas.openxmlformats.org/officeDocument/2006/relationships/font" Target="fonts/font8.fntdata"/><Relationship Id="rId54" Type="http://schemas.openxmlformats.org/officeDocument/2006/relationships/theme" Target="theme/theme1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5" Type="http://schemas.openxmlformats.org/officeDocument/2006/relationships/slide" Target="slides/slide6.xml"/><Relationship Id="rId23" Type="http://schemas.openxmlformats.org/officeDocument/2006/relationships/slide" Target="slides/slide14.xml"/><Relationship Id="rId28" Type="http://schemas.openxmlformats.org/officeDocument/2006/relationships/slide" Target="slides/slide19.xml"/><Relationship Id="rId36" Type="http://schemas.openxmlformats.org/officeDocument/2006/relationships/font" Target="fonts/font3.fntdata"/><Relationship Id="rId49" Type="http://schemas.openxmlformats.org/officeDocument/2006/relationships/font" Target="fonts/font16.fntdata"/><Relationship Id="rId57" Type="http://schemas.microsoft.com/office/2015/10/relationships/revisionInfo" Target="revisionInfo.xml"/><Relationship Id="rId10" Type="http://schemas.openxmlformats.org/officeDocument/2006/relationships/slide" Target="slides/slide1.xml"/><Relationship Id="rId31" Type="http://schemas.openxmlformats.org/officeDocument/2006/relationships/slide" Target="slides/slide22.xml"/><Relationship Id="rId44" Type="http://schemas.openxmlformats.org/officeDocument/2006/relationships/font" Target="fonts/font11.fntdata"/><Relationship Id="rId52" Type="http://schemas.openxmlformats.org/officeDocument/2006/relationships/presProps" Target="presProp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Oscar Llorente Gonzalez" userId="e1d48c7f-7de1-49f5-ba88-07a54202ac7d" providerId="ADAL" clId="{1EEC5D65-53DB-49BB-8210-9857D65F24AB}"/>
    <pc:docChg chg="undo custSel addSld delSld modSld sldOrd modMainMaster modSection">
      <pc:chgData name="Oscar Llorente Gonzalez" userId="e1d48c7f-7de1-49f5-ba88-07a54202ac7d" providerId="ADAL" clId="{1EEC5D65-53DB-49BB-8210-9857D65F24AB}" dt="2024-02-07T11:15:58.401" v="1317"/>
      <pc:docMkLst>
        <pc:docMk/>
      </pc:docMkLst>
      <pc:sldChg chg="delSp del mod">
        <pc:chgData name="Oscar Llorente Gonzalez" userId="e1d48c7f-7de1-49f5-ba88-07a54202ac7d" providerId="ADAL" clId="{1EEC5D65-53DB-49BB-8210-9857D65F24AB}" dt="2024-02-07T09:52:17.630" v="1313" actId="2696"/>
        <pc:sldMkLst>
          <pc:docMk/>
          <pc:sldMk cId="1383928708" sldId="261"/>
        </pc:sldMkLst>
        <pc:spChg chg="del">
          <ac:chgData name="Oscar Llorente Gonzalez" userId="e1d48c7f-7de1-49f5-ba88-07a54202ac7d" providerId="ADAL" clId="{1EEC5D65-53DB-49BB-8210-9857D65F24AB}" dt="2024-02-07T09:46:23.084" v="1298" actId="478"/>
          <ac:spMkLst>
            <pc:docMk/>
            <pc:sldMk cId="1383928708" sldId="261"/>
            <ac:spMk id="4" creationId="{6FF69E04-8523-4965-90ED-73D4F9BAE271}"/>
          </ac:spMkLst>
        </pc:spChg>
      </pc:sldChg>
      <pc:sldChg chg="mod modShow">
        <pc:chgData name="Oscar Llorente Gonzalez" userId="e1d48c7f-7de1-49f5-ba88-07a54202ac7d" providerId="ADAL" clId="{1EEC5D65-53DB-49BB-8210-9857D65F24AB}" dt="2024-02-01T13:20:10.505" v="84" actId="729"/>
        <pc:sldMkLst>
          <pc:docMk/>
          <pc:sldMk cId="2395417709" sldId="2147479165"/>
        </pc:sldMkLst>
      </pc:sldChg>
      <pc:sldChg chg="mod modShow">
        <pc:chgData name="Oscar Llorente Gonzalez" userId="e1d48c7f-7de1-49f5-ba88-07a54202ac7d" providerId="ADAL" clId="{1EEC5D65-53DB-49BB-8210-9857D65F24AB}" dt="2024-02-01T13:17:57.563" v="82" actId="729"/>
        <pc:sldMkLst>
          <pc:docMk/>
          <pc:sldMk cId="3824782914" sldId="2147479178"/>
        </pc:sldMkLst>
      </pc:sldChg>
      <pc:sldChg chg="mod modShow">
        <pc:chgData name="Oscar Llorente Gonzalez" userId="e1d48c7f-7de1-49f5-ba88-07a54202ac7d" providerId="ADAL" clId="{1EEC5D65-53DB-49BB-8210-9857D65F24AB}" dt="2024-02-01T13:17:52.918" v="81" actId="729"/>
        <pc:sldMkLst>
          <pc:docMk/>
          <pc:sldMk cId="401904506" sldId="2147479182"/>
        </pc:sldMkLst>
      </pc:sldChg>
      <pc:sldChg chg="ord">
        <pc:chgData name="Oscar Llorente Gonzalez" userId="e1d48c7f-7de1-49f5-ba88-07a54202ac7d" providerId="ADAL" clId="{1EEC5D65-53DB-49BB-8210-9857D65F24AB}" dt="2024-02-07T11:15:58.401" v="1317"/>
        <pc:sldMkLst>
          <pc:docMk/>
          <pc:sldMk cId="1293046710" sldId="2147479183"/>
        </pc:sldMkLst>
      </pc:sldChg>
      <pc:sldChg chg="addCm">
        <pc:chgData name="Oscar Llorente Gonzalez" userId="e1d48c7f-7de1-49f5-ba88-07a54202ac7d" providerId="ADAL" clId="{1EEC5D65-53DB-49BB-8210-9857D65F24AB}" dt="2024-02-01T13:18:42.691" v="83"/>
        <pc:sldMkLst>
          <pc:docMk/>
          <pc:sldMk cId="2621176561" sldId="2147479188"/>
        </pc:sldMkLst>
      </pc:sldChg>
      <pc:sldChg chg="modSp mod">
        <pc:chgData name="Oscar Llorente Gonzalez" userId="e1d48c7f-7de1-49f5-ba88-07a54202ac7d" providerId="ADAL" clId="{1EEC5D65-53DB-49BB-8210-9857D65F24AB}" dt="2024-02-01T14:15:38.327" v="294" actId="20577"/>
        <pc:sldMkLst>
          <pc:docMk/>
          <pc:sldMk cId="46647062" sldId="2147479193"/>
        </pc:sldMkLst>
        <pc:spChg chg="mod">
          <ac:chgData name="Oscar Llorente Gonzalez" userId="e1d48c7f-7de1-49f5-ba88-07a54202ac7d" providerId="ADAL" clId="{1EEC5D65-53DB-49BB-8210-9857D65F24AB}" dt="2024-02-01T13:08:56.493" v="41" actId="20577"/>
          <ac:spMkLst>
            <pc:docMk/>
            <pc:sldMk cId="46647062" sldId="2147479193"/>
            <ac:spMk id="4" creationId="{CF1133B3-17C3-57AA-A549-C7EA019C2094}"/>
          </ac:spMkLst>
        </pc:spChg>
        <pc:spChg chg="mod">
          <ac:chgData name="Oscar Llorente Gonzalez" userId="e1d48c7f-7de1-49f5-ba88-07a54202ac7d" providerId="ADAL" clId="{1EEC5D65-53DB-49BB-8210-9857D65F24AB}" dt="2024-02-01T13:10:11.055" v="75" actId="20577"/>
          <ac:spMkLst>
            <pc:docMk/>
            <pc:sldMk cId="46647062" sldId="2147479193"/>
            <ac:spMk id="20" creationId="{BDDCF03B-24AE-05EB-527C-A8170D91E665}"/>
          </ac:spMkLst>
        </pc:spChg>
        <pc:spChg chg="mod">
          <ac:chgData name="Oscar Llorente Gonzalez" userId="e1d48c7f-7de1-49f5-ba88-07a54202ac7d" providerId="ADAL" clId="{1EEC5D65-53DB-49BB-8210-9857D65F24AB}" dt="2024-02-01T14:15:25.791" v="285" actId="20577"/>
          <ac:spMkLst>
            <pc:docMk/>
            <pc:sldMk cId="46647062" sldId="2147479193"/>
            <ac:spMk id="22" creationId="{18B85F4C-6797-89F5-6EA7-2997BBF4E4B1}"/>
          </ac:spMkLst>
        </pc:spChg>
        <pc:spChg chg="mod">
          <ac:chgData name="Oscar Llorente Gonzalez" userId="e1d48c7f-7de1-49f5-ba88-07a54202ac7d" providerId="ADAL" clId="{1EEC5D65-53DB-49BB-8210-9857D65F24AB}" dt="2024-02-01T14:15:38.327" v="294" actId="20577"/>
          <ac:spMkLst>
            <pc:docMk/>
            <pc:sldMk cId="46647062" sldId="2147479193"/>
            <ac:spMk id="23" creationId="{15695D72-E891-28A4-9B93-F7EB42BD3606}"/>
          </ac:spMkLst>
        </pc:spChg>
      </pc:sldChg>
      <pc:sldChg chg="del">
        <pc:chgData name="Oscar Llorente Gonzalez" userId="e1d48c7f-7de1-49f5-ba88-07a54202ac7d" providerId="ADAL" clId="{1EEC5D65-53DB-49BB-8210-9857D65F24AB}" dt="2024-02-01T13:20:46.543" v="85" actId="2696"/>
        <pc:sldMkLst>
          <pc:docMk/>
          <pc:sldMk cId="1255796900" sldId="2147479348"/>
        </pc:sldMkLst>
      </pc:sldChg>
      <pc:sldChg chg="ord">
        <pc:chgData name="Oscar Llorente Gonzalez" userId="e1d48c7f-7de1-49f5-ba88-07a54202ac7d" providerId="ADAL" clId="{1EEC5D65-53DB-49BB-8210-9857D65F24AB}" dt="2024-02-07T11:15:52.987" v="1315"/>
        <pc:sldMkLst>
          <pc:docMk/>
          <pc:sldMk cId="1594342864" sldId="2147479493"/>
        </pc:sldMkLst>
      </pc:sldChg>
      <pc:sldChg chg="addSp modSp mod">
        <pc:chgData name="Oscar Llorente Gonzalez" userId="e1d48c7f-7de1-49f5-ba88-07a54202ac7d" providerId="ADAL" clId="{1EEC5D65-53DB-49BB-8210-9857D65F24AB}" dt="2024-02-01T13:14:56.351" v="80" actId="1076"/>
        <pc:sldMkLst>
          <pc:docMk/>
          <pc:sldMk cId="2286114330" sldId="2147479503"/>
        </pc:sldMkLst>
        <pc:spChg chg="mod">
          <ac:chgData name="Oscar Llorente Gonzalez" userId="e1d48c7f-7de1-49f5-ba88-07a54202ac7d" providerId="ADAL" clId="{1EEC5D65-53DB-49BB-8210-9857D65F24AB}" dt="2024-02-01T13:13:40.987" v="78" actId="20577"/>
          <ac:spMkLst>
            <pc:docMk/>
            <pc:sldMk cId="2286114330" sldId="2147479503"/>
            <ac:spMk id="2" creationId="{52653451-8EC1-BFD8-C99B-A84C64EAA0E8}"/>
          </ac:spMkLst>
        </pc:spChg>
        <pc:spChg chg="add mod">
          <ac:chgData name="Oscar Llorente Gonzalez" userId="e1d48c7f-7de1-49f5-ba88-07a54202ac7d" providerId="ADAL" clId="{1EEC5D65-53DB-49BB-8210-9857D65F24AB}" dt="2024-02-01T13:14:56.351" v="80" actId="1076"/>
          <ac:spMkLst>
            <pc:docMk/>
            <pc:sldMk cId="2286114330" sldId="2147479503"/>
            <ac:spMk id="21" creationId="{B3FF669C-F405-8F38-1176-8C3A5EAB388D}"/>
          </ac:spMkLst>
        </pc:spChg>
        <pc:picChg chg="add mod">
          <ac:chgData name="Oscar Llorente Gonzalez" userId="e1d48c7f-7de1-49f5-ba88-07a54202ac7d" providerId="ADAL" clId="{1EEC5D65-53DB-49BB-8210-9857D65F24AB}" dt="2024-02-01T13:14:56.351" v="80" actId="1076"/>
          <ac:picMkLst>
            <pc:docMk/>
            <pc:sldMk cId="2286114330" sldId="2147479503"/>
            <ac:picMk id="20" creationId="{E203806D-C9F8-31B5-D456-B0FA5F982D55}"/>
          </ac:picMkLst>
        </pc:picChg>
      </pc:sldChg>
      <pc:sldChg chg="addSp delSp modSp new mod">
        <pc:chgData name="Oscar Llorente Gonzalez" userId="e1d48c7f-7de1-49f5-ba88-07a54202ac7d" providerId="ADAL" clId="{1EEC5D65-53DB-49BB-8210-9857D65F24AB}" dt="2024-02-07T09:32:14.801" v="1169" actId="1076"/>
        <pc:sldMkLst>
          <pc:docMk/>
          <pc:sldMk cId="2088336728" sldId="2147479796"/>
        </pc:sldMkLst>
        <pc:spChg chg="mod">
          <ac:chgData name="Oscar Llorente Gonzalez" userId="e1d48c7f-7de1-49f5-ba88-07a54202ac7d" providerId="ADAL" clId="{1EEC5D65-53DB-49BB-8210-9857D65F24AB}" dt="2024-02-07T09:30:23.638" v="1158" actId="20577"/>
          <ac:spMkLst>
            <pc:docMk/>
            <pc:sldMk cId="2088336728" sldId="2147479796"/>
            <ac:spMk id="2" creationId="{7D28177E-2BA1-8CE2-C9C2-1DE71026422A}"/>
          </ac:spMkLst>
        </pc:spChg>
        <pc:spChg chg="del">
          <ac:chgData name="Oscar Llorente Gonzalez" userId="e1d48c7f-7de1-49f5-ba88-07a54202ac7d" providerId="ADAL" clId="{1EEC5D65-53DB-49BB-8210-9857D65F24AB}" dt="2024-02-07T09:30:29.599" v="1159" actId="478"/>
          <ac:spMkLst>
            <pc:docMk/>
            <pc:sldMk cId="2088336728" sldId="2147479796"/>
            <ac:spMk id="3" creationId="{78DE8CE4-1D3E-DC04-0032-F9B99B57FA1F}"/>
          </ac:spMkLst>
        </pc:spChg>
        <pc:picChg chg="add mod">
          <ac:chgData name="Oscar Llorente Gonzalez" userId="e1d48c7f-7de1-49f5-ba88-07a54202ac7d" providerId="ADAL" clId="{1EEC5D65-53DB-49BB-8210-9857D65F24AB}" dt="2024-02-07T09:32:13.581" v="1168" actId="1076"/>
          <ac:picMkLst>
            <pc:docMk/>
            <pc:sldMk cId="2088336728" sldId="2147479796"/>
            <ac:picMk id="4" creationId="{F217B40D-1B8D-D16A-5D55-EB5CC7670F6E}"/>
          </ac:picMkLst>
        </pc:picChg>
        <pc:picChg chg="add mod">
          <ac:chgData name="Oscar Llorente Gonzalez" userId="e1d48c7f-7de1-49f5-ba88-07a54202ac7d" providerId="ADAL" clId="{1EEC5D65-53DB-49BB-8210-9857D65F24AB}" dt="2024-02-07T09:32:14.801" v="1169" actId="1076"/>
          <ac:picMkLst>
            <pc:docMk/>
            <pc:sldMk cId="2088336728" sldId="2147479796"/>
            <ac:picMk id="5" creationId="{3A89B583-99D0-6372-B10B-8B964B395307}"/>
          </ac:picMkLst>
        </pc:picChg>
      </pc:sldChg>
      <pc:sldChg chg="addSp delSp modSp new mod">
        <pc:chgData name="Oscar Llorente Gonzalez" userId="e1d48c7f-7de1-49f5-ba88-07a54202ac7d" providerId="ADAL" clId="{1EEC5D65-53DB-49BB-8210-9857D65F24AB}" dt="2024-02-07T09:51:45.617" v="1312" actId="1076"/>
        <pc:sldMkLst>
          <pc:docMk/>
          <pc:sldMk cId="4045496690" sldId="2147479797"/>
        </pc:sldMkLst>
        <pc:spChg chg="del">
          <ac:chgData name="Oscar Llorente Gonzalez" userId="e1d48c7f-7de1-49f5-ba88-07a54202ac7d" providerId="ADAL" clId="{1EEC5D65-53DB-49BB-8210-9857D65F24AB}" dt="2024-02-07T09:50:23.952" v="1300" actId="478"/>
          <ac:spMkLst>
            <pc:docMk/>
            <pc:sldMk cId="4045496690" sldId="2147479797"/>
            <ac:spMk id="2" creationId="{9416800E-5DA6-984E-6036-FFDA164BD80B}"/>
          </ac:spMkLst>
        </pc:spChg>
        <pc:spChg chg="del">
          <ac:chgData name="Oscar Llorente Gonzalez" userId="e1d48c7f-7de1-49f5-ba88-07a54202ac7d" providerId="ADAL" clId="{1EEC5D65-53DB-49BB-8210-9857D65F24AB}" dt="2024-02-07T09:50:25.946" v="1301" actId="478"/>
          <ac:spMkLst>
            <pc:docMk/>
            <pc:sldMk cId="4045496690" sldId="2147479797"/>
            <ac:spMk id="3" creationId="{32FE1DBD-A00E-AE36-B405-4E9B04E81348}"/>
          </ac:spMkLst>
        </pc:spChg>
        <pc:picChg chg="add mod">
          <ac:chgData name="Oscar Llorente Gonzalez" userId="e1d48c7f-7de1-49f5-ba88-07a54202ac7d" providerId="ADAL" clId="{1EEC5D65-53DB-49BB-8210-9857D65F24AB}" dt="2024-02-07T09:50:26.969" v="1302"/>
          <ac:picMkLst>
            <pc:docMk/>
            <pc:sldMk cId="4045496690" sldId="2147479797"/>
            <ac:picMk id="4" creationId="{60D84E34-431F-1C35-24DD-A7B168A06F8A}"/>
          </ac:picMkLst>
        </pc:picChg>
        <pc:picChg chg="add del mod">
          <ac:chgData name="Oscar Llorente Gonzalez" userId="e1d48c7f-7de1-49f5-ba88-07a54202ac7d" providerId="ADAL" clId="{1EEC5D65-53DB-49BB-8210-9857D65F24AB}" dt="2024-02-07T09:50:35.393" v="1304"/>
          <ac:picMkLst>
            <pc:docMk/>
            <pc:sldMk cId="4045496690" sldId="2147479797"/>
            <ac:picMk id="5" creationId="{CE05BC05-42E0-6498-4B02-52C470220C84}"/>
          </ac:picMkLst>
        </pc:picChg>
        <pc:picChg chg="add mod">
          <ac:chgData name="Oscar Llorente Gonzalez" userId="e1d48c7f-7de1-49f5-ba88-07a54202ac7d" providerId="ADAL" clId="{1EEC5D65-53DB-49BB-8210-9857D65F24AB}" dt="2024-02-07T09:51:45.617" v="1312" actId="1076"/>
          <ac:picMkLst>
            <pc:docMk/>
            <pc:sldMk cId="4045496690" sldId="2147479797"/>
            <ac:picMk id="6" creationId="{8C235722-54FE-A752-441A-E6442002CDEE}"/>
          </ac:picMkLst>
        </pc:picChg>
      </pc:sldChg>
      <pc:sldMasterChg chg="addSp modSp mod delSldLayout modSldLayout">
        <pc:chgData name="Oscar Llorente Gonzalez" userId="e1d48c7f-7de1-49f5-ba88-07a54202ac7d" providerId="ADAL" clId="{1EEC5D65-53DB-49BB-8210-9857D65F24AB}" dt="2024-02-07T09:42:48.730" v="1297" actId="478"/>
        <pc:sldMasterMkLst>
          <pc:docMk/>
          <pc:sldMasterMk cId="2523064765" sldId="2147483660"/>
        </pc:sldMasterMkLst>
        <pc:spChg chg="add mod">
          <ac:chgData name="Oscar Llorente Gonzalez" userId="e1d48c7f-7de1-49f5-ba88-07a54202ac7d" providerId="ADAL" clId="{1EEC5D65-53DB-49BB-8210-9857D65F24AB}" dt="2024-02-07T09:39:41.937" v="1296" actId="20577"/>
          <ac:spMkLst>
            <pc:docMk/>
            <pc:sldMasterMk cId="2523064765" sldId="2147483660"/>
            <ac:spMk id="3" creationId="{09012E2B-7DCF-CCE4-99AD-75F3525E5BFE}"/>
          </ac:spMkLst>
        </pc:spChg>
        <pc:sldLayoutChg chg="delSp modSp mod">
          <pc:chgData name="Oscar Llorente Gonzalez" userId="e1d48c7f-7de1-49f5-ba88-07a54202ac7d" providerId="ADAL" clId="{1EEC5D65-53DB-49BB-8210-9857D65F24AB}" dt="2024-02-07T09:37:53.594" v="1282" actId="478"/>
          <pc:sldLayoutMkLst>
            <pc:docMk/>
            <pc:sldMasterMk cId="2523064765" sldId="2147483660"/>
            <pc:sldLayoutMk cId="1374575616" sldId="2147483661"/>
          </pc:sldLayoutMkLst>
          <pc:spChg chg="del mod">
            <ac:chgData name="Oscar Llorente Gonzalez" userId="e1d48c7f-7de1-49f5-ba88-07a54202ac7d" providerId="ADAL" clId="{1EEC5D65-53DB-49BB-8210-9857D65F24AB}" dt="2024-02-07T09:37:53.594" v="1282" actId="478"/>
            <ac:spMkLst>
              <pc:docMk/>
              <pc:sldMasterMk cId="2523064765" sldId="2147483660"/>
              <pc:sldLayoutMk cId="1374575616" sldId="2147483661"/>
              <ac:spMk id="9" creationId="{72C1EE1F-EF94-4EBA-A010-8BC3D2F38C39}"/>
            </ac:spMkLst>
          </pc:spChg>
        </pc:sldLayoutChg>
        <pc:sldLayoutChg chg="delSp modSp mod">
          <pc:chgData name="Oscar Llorente Gonzalez" userId="e1d48c7f-7de1-49f5-ba88-07a54202ac7d" providerId="ADAL" clId="{1EEC5D65-53DB-49BB-8210-9857D65F24AB}" dt="2024-02-07T09:38:18.162" v="1284" actId="478"/>
          <pc:sldLayoutMkLst>
            <pc:docMk/>
            <pc:sldMasterMk cId="2523064765" sldId="2147483660"/>
            <pc:sldLayoutMk cId="3415456144" sldId="2147483673"/>
          </pc:sldLayoutMkLst>
          <pc:spChg chg="del mod">
            <ac:chgData name="Oscar Llorente Gonzalez" userId="e1d48c7f-7de1-49f5-ba88-07a54202ac7d" providerId="ADAL" clId="{1EEC5D65-53DB-49BB-8210-9857D65F24AB}" dt="2024-02-07T09:38:18.162" v="1284" actId="478"/>
            <ac:spMkLst>
              <pc:docMk/>
              <pc:sldMasterMk cId="2523064765" sldId="2147483660"/>
              <pc:sldLayoutMk cId="3415456144" sldId="2147483673"/>
              <ac:spMk id="3" creationId="{C44ECCE6-4D94-443E-8C20-CA233A5C0572}"/>
            </ac:spMkLst>
          </pc:spChg>
        </pc:sldLayoutChg>
        <pc:sldLayoutChg chg="modSp mod">
          <pc:chgData name="Oscar Llorente Gonzalez" userId="e1d48c7f-7de1-49f5-ba88-07a54202ac7d" providerId="ADAL" clId="{1EEC5D65-53DB-49BB-8210-9857D65F24AB}" dt="2024-02-07T09:30:04.925" v="1031" actId="20577"/>
          <pc:sldLayoutMkLst>
            <pc:docMk/>
            <pc:sldMasterMk cId="2523064765" sldId="2147483660"/>
            <pc:sldLayoutMk cId="675883818" sldId="2147483675"/>
          </pc:sldLayoutMkLst>
          <pc:spChg chg="mod">
            <ac:chgData name="Oscar Llorente Gonzalez" userId="e1d48c7f-7de1-49f5-ba88-07a54202ac7d" providerId="ADAL" clId="{1EEC5D65-53DB-49BB-8210-9857D65F24AB}" dt="2024-02-07T09:30:04.925" v="1031" actId="20577"/>
            <ac:spMkLst>
              <pc:docMk/>
              <pc:sldMasterMk cId="2523064765" sldId="2147483660"/>
              <pc:sldLayoutMk cId="675883818" sldId="2147483675"/>
              <ac:spMk id="8" creationId="{53797230-5A6C-4718-8C90-CB9F2709B382}"/>
            </ac:spMkLst>
          </pc:spChg>
        </pc:sldLayoutChg>
        <pc:sldLayoutChg chg="modSp mod">
          <pc:chgData name="Oscar Llorente Gonzalez" userId="e1d48c7f-7de1-49f5-ba88-07a54202ac7d" providerId="ADAL" clId="{1EEC5D65-53DB-49BB-8210-9857D65F24AB}" dt="2024-02-07T09:30:04.942" v="1039" actId="20577"/>
          <pc:sldLayoutMkLst>
            <pc:docMk/>
            <pc:sldMasterMk cId="2523064765" sldId="2147483660"/>
            <pc:sldLayoutMk cId="2275899235" sldId="2147483678"/>
          </pc:sldLayoutMkLst>
          <pc:spChg chg="mod">
            <ac:chgData name="Oscar Llorente Gonzalez" userId="e1d48c7f-7de1-49f5-ba88-07a54202ac7d" providerId="ADAL" clId="{1EEC5D65-53DB-49BB-8210-9857D65F24AB}" dt="2024-02-07T09:30:04.942" v="1039" actId="20577"/>
            <ac:spMkLst>
              <pc:docMk/>
              <pc:sldMasterMk cId="2523064765" sldId="2147483660"/>
              <pc:sldLayoutMk cId="2275899235" sldId="2147483678"/>
              <ac:spMk id="11" creationId="{A55C34B4-681E-4FDA-A9BB-6BC31D94C8D6}"/>
            </ac:spMkLst>
          </pc:spChg>
        </pc:sldLayoutChg>
        <pc:sldLayoutChg chg="modSp mod">
          <pc:chgData name="Oscar Llorente Gonzalez" userId="e1d48c7f-7de1-49f5-ba88-07a54202ac7d" providerId="ADAL" clId="{1EEC5D65-53DB-49BB-8210-9857D65F24AB}" dt="2024-02-07T09:30:04.958" v="1047" actId="20577"/>
          <pc:sldLayoutMkLst>
            <pc:docMk/>
            <pc:sldMasterMk cId="2523064765" sldId="2147483660"/>
            <pc:sldLayoutMk cId="1436988196" sldId="2147483681"/>
          </pc:sldLayoutMkLst>
          <pc:spChg chg="mod">
            <ac:chgData name="Oscar Llorente Gonzalez" userId="e1d48c7f-7de1-49f5-ba88-07a54202ac7d" providerId="ADAL" clId="{1EEC5D65-53DB-49BB-8210-9857D65F24AB}" dt="2024-02-07T09:30:04.958" v="1047" actId="20577"/>
            <ac:spMkLst>
              <pc:docMk/>
              <pc:sldMasterMk cId="2523064765" sldId="2147483660"/>
              <pc:sldLayoutMk cId="1436988196" sldId="2147483681"/>
              <ac:spMk id="14" creationId="{089CBEB5-348B-49F3-8F8B-FDEE08950E37}"/>
            </ac:spMkLst>
          </pc:spChg>
        </pc:sldLayoutChg>
        <pc:sldLayoutChg chg="modSp mod">
          <pc:chgData name="Oscar Llorente Gonzalez" userId="e1d48c7f-7de1-49f5-ba88-07a54202ac7d" providerId="ADAL" clId="{1EEC5D65-53DB-49BB-8210-9857D65F24AB}" dt="2024-02-07T09:30:04.957" v="1043" actId="20577"/>
          <pc:sldLayoutMkLst>
            <pc:docMk/>
            <pc:sldMasterMk cId="2523064765" sldId="2147483660"/>
            <pc:sldLayoutMk cId="2548612008" sldId="2147483690"/>
          </pc:sldLayoutMkLst>
          <pc:spChg chg="mod">
            <ac:chgData name="Oscar Llorente Gonzalez" userId="e1d48c7f-7de1-49f5-ba88-07a54202ac7d" providerId="ADAL" clId="{1EEC5D65-53DB-49BB-8210-9857D65F24AB}" dt="2024-02-07T09:30:04.957" v="1043" actId="20577"/>
            <ac:spMkLst>
              <pc:docMk/>
              <pc:sldMasterMk cId="2523064765" sldId="2147483660"/>
              <pc:sldLayoutMk cId="2548612008" sldId="2147483690"/>
              <ac:spMk id="10" creationId="{549048C1-340D-44C4-857B-1B201EC9A7E7}"/>
            </ac:spMkLst>
          </pc:spChg>
        </pc:sldLayoutChg>
        <pc:sldLayoutChg chg="delSp modSp mod">
          <pc:chgData name="Oscar Llorente Gonzalez" userId="e1d48c7f-7de1-49f5-ba88-07a54202ac7d" providerId="ADAL" clId="{1EEC5D65-53DB-49BB-8210-9857D65F24AB}" dt="2024-02-07T09:38:44.891" v="1285" actId="478"/>
          <pc:sldLayoutMkLst>
            <pc:docMk/>
            <pc:sldMasterMk cId="2523064765" sldId="2147483660"/>
            <pc:sldLayoutMk cId="3607999529" sldId="2147483694"/>
          </pc:sldLayoutMkLst>
          <pc:spChg chg="del mod">
            <ac:chgData name="Oscar Llorente Gonzalez" userId="e1d48c7f-7de1-49f5-ba88-07a54202ac7d" providerId="ADAL" clId="{1EEC5D65-53DB-49BB-8210-9857D65F24AB}" dt="2024-02-07T09:38:44.891" v="1285" actId="478"/>
            <ac:spMkLst>
              <pc:docMk/>
              <pc:sldMasterMk cId="2523064765" sldId="2147483660"/>
              <pc:sldLayoutMk cId="3607999529" sldId="2147483694"/>
              <ac:spMk id="7" creationId="{DB8BC610-C1B0-4C6A-B5C2-80DA487CE5DE}"/>
            </ac:spMkLst>
          </pc:spChg>
        </pc:sldLayoutChg>
        <pc:sldLayoutChg chg="modSp mod">
          <pc:chgData name="Oscar Llorente Gonzalez" userId="e1d48c7f-7de1-49f5-ba88-07a54202ac7d" providerId="ADAL" clId="{1EEC5D65-53DB-49BB-8210-9857D65F24AB}" dt="2024-02-07T09:30:04.925" v="1035" actId="20577"/>
          <pc:sldLayoutMkLst>
            <pc:docMk/>
            <pc:sldMasterMk cId="2523064765" sldId="2147483660"/>
            <pc:sldLayoutMk cId="3545725332" sldId="2147483696"/>
          </pc:sldLayoutMkLst>
          <pc:spChg chg="mod">
            <ac:chgData name="Oscar Llorente Gonzalez" userId="e1d48c7f-7de1-49f5-ba88-07a54202ac7d" providerId="ADAL" clId="{1EEC5D65-53DB-49BB-8210-9857D65F24AB}" dt="2024-02-07T09:30:04.925" v="1035" actId="20577"/>
            <ac:spMkLst>
              <pc:docMk/>
              <pc:sldMasterMk cId="2523064765" sldId="2147483660"/>
              <pc:sldLayoutMk cId="3545725332" sldId="2147483696"/>
              <ac:spMk id="9" creationId="{2C8570FA-FAA3-4EFA-A4F1-01C285AE39DE}"/>
            </ac:spMkLst>
          </pc:spChg>
        </pc:sldLayoutChg>
        <pc:sldLayoutChg chg="addSp delSp modSp mod">
          <pc:chgData name="Oscar Llorente Gonzalez" userId="e1d48c7f-7de1-49f5-ba88-07a54202ac7d" providerId="ADAL" clId="{1EEC5D65-53DB-49BB-8210-9857D65F24AB}" dt="2024-02-07T09:42:48.730" v="1297" actId="478"/>
          <pc:sldLayoutMkLst>
            <pc:docMk/>
            <pc:sldMasterMk cId="2523064765" sldId="2147483660"/>
            <pc:sldLayoutMk cId="3443338964" sldId="2147483706"/>
          </pc:sldLayoutMkLst>
          <pc:spChg chg="add del mod">
            <ac:chgData name="Oscar Llorente Gonzalez" userId="e1d48c7f-7de1-49f5-ba88-07a54202ac7d" providerId="ADAL" clId="{1EEC5D65-53DB-49BB-8210-9857D65F24AB}" dt="2024-02-07T09:42:48.730" v="1297" actId="478"/>
            <ac:spMkLst>
              <pc:docMk/>
              <pc:sldMasterMk cId="2523064765" sldId="2147483660"/>
              <pc:sldLayoutMk cId="3443338964" sldId="2147483706"/>
              <ac:spMk id="2" creationId="{08A389C1-6955-4C7E-D804-6EA4027D6432}"/>
            </ac:spMkLst>
          </pc:spChg>
          <pc:spChg chg="del mod">
            <ac:chgData name="Oscar Llorente Gonzalez" userId="e1d48c7f-7de1-49f5-ba88-07a54202ac7d" providerId="ADAL" clId="{1EEC5D65-53DB-49BB-8210-9857D65F24AB}" dt="2024-02-07T09:36:42.899" v="1279" actId="478"/>
            <ac:spMkLst>
              <pc:docMk/>
              <pc:sldMasterMk cId="2523064765" sldId="2147483660"/>
              <pc:sldLayoutMk cId="3443338964" sldId="2147483706"/>
              <ac:spMk id="8" creationId="{C2AD0284-E6BA-49D8-AB3F-D94DBB1D54F0}"/>
            </ac:spMkLst>
          </pc:spChg>
        </pc:sldLayoutChg>
        <pc:sldLayoutChg chg="addSp delSp modSp mod">
          <pc:chgData name="Oscar Llorente Gonzalez" userId="e1d48c7f-7de1-49f5-ba88-07a54202ac7d" providerId="ADAL" clId="{1EEC5D65-53DB-49BB-8210-9857D65F24AB}" dt="2024-02-07T09:36:33.037" v="1278"/>
          <pc:sldLayoutMkLst>
            <pc:docMk/>
            <pc:sldMasterMk cId="2523064765" sldId="2147483660"/>
            <pc:sldLayoutMk cId="395415313" sldId="2147483707"/>
          </pc:sldLayoutMkLst>
          <pc:spChg chg="del mod">
            <ac:chgData name="Oscar Llorente Gonzalez" userId="e1d48c7f-7de1-49f5-ba88-07a54202ac7d" providerId="ADAL" clId="{1EEC5D65-53DB-49BB-8210-9857D65F24AB}" dt="2024-02-07T09:36:32.740" v="1277" actId="478"/>
            <ac:spMkLst>
              <pc:docMk/>
              <pc:sldMasterMk cId="2523064765" sldId="2147483660"/>
              <pc:sldLayoutMk cId="395415313" sldId="2147483707"/>
              <ac:spMk id="2" creationId="{69F42FFA-3DFB-4DB2-A942-F02200203C82}"/>
            </ac:spMkLst>
          </pc:spChg>
          <pc:spChg chg="add mod">
            <ac:chgData name="Oscar Llorente Gonzalez" userId="e1d48c7f-7de1-49f5-ba88-07a54202ac7d" providerId="ADAL" clId="{1EEC5D65-53DB-49BB-8210-9857D65F24AB}" dt="2024-02-07T09:36:33.037" v="1278"/>
            <ac:spMkLst>
              <pc:docMk/>
              <pc:sldMasterMk cId="2523064765" sldId="2147483660"/>
              <pc:sldLayoutMk cId="395415313" sldId="2147483707"/>
              <ac:spMk id="3" creationId="{0CDCA974-97F4-E46C-64E9-AFF9636E50D8}"/>
            </ac:spMkLst>
          </pc:spChg>
        </pc:sldLayoutChg>
        <pc:sldLayoutChg chg="modSp mod">
          <pc:chgData name="Oscar Llorente Gonzalez" userId="e1d48c7f-7de1-49f5-ba88-07a54202ac7d" providerId="ADAL" clId="{1EEC5D65-53DB-49BB-8210-9857D65F24AB}" dt="2024-02-07T09:30:04.890" v="1015" actId="20577"/>
          <pc:sldLayoutMkLst>
            <pc:docMk/>
            <pc:sldMasterMk cId="2523064765" sldId="2147483660"/>
            <pc:sldLayoutMk cId="3084474769" sldId="2147483709"/>
          </pc:sldLayoutMkLst>
          <pc:spChg chg="mod">
            <ac:chgData name="Oscar Llorente Gonzalez" userId="e1d48c7f-7de1-49f5-ba88-07a54202ac7d" providerId="ADAL" clId="{1EEC5D65-53DB-49BB-8210-9857D65F24AB}" dt="2024-02-07T09:30:04.890" v="1015" actId="20577"/>
            <ac:spMkLst>
              <pc:docMk/>
              <pc:sldMasterMk cId="2523064765" sldId="2147483660"/>
              <pc:sldLayoutMk cId="3084474769" sldId="2147483709"/>
              <ac:spMk id="5" creationId="{203FD5EF-20DB-46AB-B412-DF9112353719}"/>
            </ac:spMkLst>
          </pc:spChg>
        </pc:sldLayoutChg>
        <pc:sldLayoutChg chg="del">
          <pc:chgData name="Oscar Llorente Gonzalez" userId="e1d48c7f-7de1-49f5-ba88-07a54202ac7d" providerId="ADAL" clId="{1EEC5D65-53DB-49BB-8210-9857D65F24AB}" dt="2024-02-01T13:20:46.543" v="85" actId="2696"/>
          <pc:sldLayoutMkLst>
            <pc:docMk/>
            <pc:sldMasterMk cId="2523064765" sldId="2147483660"/>
            <pc:sldLayoutMk cId="3694931497" sldId="2147483874"/>
          </pc:sldLayoutMkLst>
        </pc:sldLayoutChg>
      </pc:sldMasterChg>
      <pc:sldMasterChg chg="modSp mod modSldLayout">
        <pc:chgData name="Oscar Llorente Gonzalez" userId="e1d48c7f-7de1-49f5-ba88-07a54202ac7d" providerId="ADAL" clId="{1EEC5D65-53DB-49BB-8210-9857D65F24AB}" dt="2024-02-07T09:30:05.324" v="1143" actId="20577"/>
        <pc:sldMasterMkLst>
          <pc:docMk/>
          <pc:sldMasterMk cId="4061182373" sldId="2147483765"/>
        </pc:sldMasterMkLst>
        <pc:spChg chg="mod">
          <ac:chgData name="Oscar Llorente Gonzalez" userId="e1d48c7f-7de1-49f5-ba88-07a54202ac7d" providerId="ADAL" clId="{1EEC5D65-53DB-49BB-8210-9857D65F24AB}" dt="2024-02-07T09:30:04.974" v="1051" actId="20577"/>
          <ac:spMkLst>
            <pc:docMk/>
            <pc:sldMasterMk cId="4061182373" sldId="2147483765"/>
            <ac:spMk id="3" creationId="{E3471590-ED9A-9FA7-2BE4-D0B96AD628B1}"/>
          </ac:spMkLst>
        </pc:spChg>
        <pc:sldLayoutChg chg="modSp">
          <pc:chgData name="Oscar Llorente Gonzalez" userId="e1d48c7f-7de1-49f5-ba88-07a54202ac7d" providerId="ADAL" clId="{1EEC5D65-53DB-49BB-8210-9857D65F24AB}" dt="2024-02-07T08:46:36.933" v="863" actId="1076"/>
          <pc:sldLayoutMkLst>
            <pc:docMk/>
            <pc:sldMasterMk cId="4061182373" sldId="2147483765"/>
            <pc:sldLayoutMk cId="1977142871" sldId="2147483767"/>
          </pc:sldLayoutMkLst>
          <pc:picChg chg="mod">
            <ac:chgData name="Oscar Llorente Gonzalez" userId="e1d48c7f-7de1-49f5-ba88-07a54202ac7d" providerId="ADAL" clId="{1EEC5D65-53DB-49BB-8210-9857D65F24AB}" dt="2024-02-07T08:46:36.933" v="863" actId="1076"/>
            <ac:picMkLst>
              <pc:docMk/>
              <pc:sldMasterMk cId="4061182373" sldId="2147483765"/>
              <pc:sldLayoutMk cId="1977142871" sldId="2147483767"/>
              <ac:picMk id="2" creationId="{0894968E-407B-1ACA-6FFF-45BD48CE3BA0}"/>
            </ac:picMkLst>
          </pc:picChg>
        </pc:sldLayoutChg>
        <pc:sldLayoutChg chg="addSp delSp modSp">
          <pc:chgData name="Oscar Llorente Gonzalez" userId="e1d48c7f-7de1-49f5-ba88-07a54202ac7d" providerId="ADAL" clId="{1EEC5D65-53DB-49BB-8210-9857D65F24AB}" dt="2024-02-06T20:21:01.634" v="722" actId="478"/>
          <pc:sldLayoutMkLst>
            <pc:docMk/>
            <pc:sldMasterMk cId="4061182373" sldId="2147483765"/>
            <pc:sldLayoutMk cId="3732486968" sldId="2147483770"/>
          </pc:sldLayoutMkLst>
          <pc:picChg chg="add del mod">
            <ac:chgData name="Oscar Llorente Gonzalez" userId="e1d48c7f-7de1-49f5-ba88-07a54202ac7d" providerId="ADAL" clId="{1EEC5D65-53DB-49BB-8210-9857D65F24AB}" dt="2024-02-06T20:21:01.634" v="722" actId="478"/>
            <ac:picMkLst>
              <pc:docMk/>
              <pc:sldMasterMk cId="4061182373" sldId="2147483765"/>
              <pc:sldLayoutMk cId="3732486968" sldId="2147483770"/>
              <ac:picMk id="2" creationId="{29DD89A6-31CD-3703-B56B-42BC0382FFD0}"/>
            </ac:picMkLst>
          </pc:picChg>
        </pc:sldLayoutChg>
        <pc:sldLayoutChg chg="modSp mod">
          <pc:chgData name="Oscar Llorente Gonzalez" userId="e1d48c7f-7de1-49f5-ba88-07a54202ac7d" providerId="ADAL" clId="{1EEC5D65-53DB-49BB-8210-9857D65F24AB}" dt="2024-02-07T09:30:04.979" v="1055" actId="20577"/>
          <pc:sldLayoutMkLst>
            <pc:docMk/>
            <pc:sldMasterMk cId="4061182373" sldId="2147483765"/>
            <pc:sldLayoutMk cId="2458328145" sldId="2147483775"/>
          </pc:sldLayoutMkLst>
          <pc:spChg chg="mod">
            <ac:chgData name="Oscar Llorente Gonzalez" userId="e1d48c7f-7de1-49f5-ba88-07a54202ac7d" providerId="ADAL" clId="{1EEC5D65-53DB-49BB-8210-9857D65F24AB}" dt="2024-02-07T09:30:04.979" v="1055" actId="20577"/>
            <ac:spMkLst>
              <pc:docMk/>
              <pc:sldMasterMk cId="4061182373" sldId="2147483765"/>
              <pc:sldLayoutMk cId="2458328145" sldId="2147483775"/>
              <ac:spMk id="3" creationId="{B37BE219-A728-B744-8597-25C7895C902E}"/>
            </ac:spMkLst>
          </pc:spChg>
        </pc:sldLayoutChg>
        <pc:sldLayoutChg chg="modSp mod">
          <pc:chgData name="Oscar Llorente Gonzalez" userId="e1d48c7f-7de1-49f5-ba88-07a54202ac7d" providerId="ADAL" clId="{1EEC5D65-53DB-49BB-8210-9857D65F24AB}" dt="2024-02-07T09:30:04.995" v="1059" actId="20577"/>
          <pc:sldLayoutMkLst>
            <pc:docMk/>
            <pc:sldMasterMk cId="4061182373" sldId="2147483765"/>
            <pc:sldLayoutMk cId="2991321209" sldId="2147483776"/>
          </pc:sldLayoutMkLst>
          <pc:spChg chg="mod">
            <ac:chgData name="Oscar Llorente Gonzalez" userId="e1d48c7f-7de1-49f5-ba88-07a54202ac7d" providerId="ADAL" clId="{1EEC5D65-53DB-49BB-8210-9857D65F24AB}" dt="2024-02-07T09:30:04.995" v="1059" actId="20577"/>
            <ac:spMkLst>
              <pc:docMk/>
              <pc:sldMasterMk cId="4061182373" sldId="2147483765"/>
              <pc:sldLayoutMk cId="2991321209" sldId="2147483776"/>
              <ac:spMk id="5" creationId="{314302EF-3256-D2FA-5C50-5D29E26F422A}"/>
            </ac:spMkLst>
          </pc:spChg>
        </pc:sldLayoutChg>
        <pc:sldLayoutChg chg="modSp mod">
          <pc:chgData name="Oscar Llorente Gonzalez" userId="e1d48c7f-7de1-49f5-ba88-07a54202ac7d" providerId="ADAL" clId="{1EEC5D65-53DB-49BB-8210-9857D65F24AB}" dt="2024-02-07T09:30:04.995" v="1063" actId="20577"/>
          <pc:sldLayoutMkLst>
            <pc:docMk/>
            <pc:sldMasterMk cId="4061182373" sldId="2147483765"/>
            <pc:sldLayoutMk cId="515948995" sldId="2147483777"/>
          </pc:sldLayoutMkLst>
          <pc:spChg chg="mod">
            <ac:chgData name="Oscar Llorente Gonzalez" userId="e1d48c7f-7de1-49f5-ba88-07a54202ac7d" providerId="ADAL" clId="{1EEC5D65-53DB-49BB-8210-9857D65F24AB}" dt="2024-02-07T09:30:04.995" v="1063" actId="20577"/>
            <ac:spMkLst>
              <pc:docMk/>
              <pc:sldMasterMk cId="4061182373" sldId="2147483765"/>
              <pc:sldLayoutMk cId="515948995" sldId="2147483777"/>
              <ac:spMk id="5" creationId="{1F114614-E5B1-476B-1E9E-776F57CE0894}"/>
            </ac:spMkLst>
          </pc:spChg>
        </pc:sldLayoutChg>
        <pc:sldLayoutChg chg="modSp mod">
          <pc:chgData name="Oscar Llorente Gonzalez" userId="e1d48c7f-7de1-49f5-ba88-07a54202ac7d" providerId="ADAL" clId="{1EEC5D65-53DB-49BB-8210-9857D65F24AB}" dt="2024-02-07T09:30:05.019" v="1067" actId="20577"/>
          <pc:sldLayoutMkLst>
            <pc:docMk/>
            <pc:sldMasterMk cId="4061182373" sldId="2147483765"/>
            <pc:sldLayoutMk cId="1967283423" sldId="2147483779"/>
          </pc:sldLayoutMkLst>
          <pc:spChg chg="mod">
            <ac:chgData name="Oscar Llorente Gonzalez" userId="e1d48c7f-7de1-49f5-ba88-07a54202ac7d" providerId="ADAL" clId="{1EEC5D65-53DB-49BB-8210-9857D65F24AB}" dt="2024-02-07T09:30:05.019" v="1067" actId="20577"/>
            <ac:spMkLst>
              <pc:docMk/>
              <pc:sldMasterMk cId="4061182373" sldId="2147483765"/>
              <pc:sldLayoutMk cId="1967283423" sldId="2147483779"/>
              <ac:spMk id="8" creationId="{51373698-5BAD-06D6-A158-EF539C33C7ED}"/>
            </ac:spMkLst>
          </pc:spChg>
        </pc:sldLayoutChg>
        <pc:sldLayoutChg chg="modSp mod">
          <pc:chgData name="Oscar Llorente Gonzalez" userId="e1d48c7f-7de1-49f5-ba88-07a54202ac7d" providerId="ADAL" clId="{1EEC5D65-53DB-49BB-8210-9857D65F24AB}" dt="2024-02-07T09:30:05.023" v="1071" actId="20577"/>
          <pc:sldLayoutMkLst>
            <pc:docMk/>
            <pc:sldMasterMk cId="4061182373" sldId="2147483765"/>
            <pc:sldLayoutMk cId="1092349489" sldId="2147483782"/>
          </pc:sldLayoutMkLst>
          <pc:spChg chg="mod">
            <ac:chgData name="Oscar Llorente Gonzalez" userId="e1d48c7f-7de1-49f5-ba88-07a54202ac7d" providerId="ADAL" clId="{1EEC5D65-53DB-49BB-8210-9857D65F24AB}" dt="2024-02-07T09:30:05.023" v="1071" actId="20577"/>
            <ac:spMkLst>
              <pc:docMk/>
              <pc:sldMasterMk cId="4061182373" sldId="2147483765"/>
              <pc:sldLayoutMk cId="1092349489" sldId="2147483782"/>
              <ac:spMk id="3" creationId="{22DEDE2C-83D6-5EB2-DB57-1B38A95E15EC}"/>
            </ac:spMkLst>
          </pc:spChg>
        </pc:sldLayoutChg>
        <pc:sldLayoutChg chg="modSp mod">
          <pc:chgData name="Oscar Llorente Gonzalez" userId="e1d48c7f-7de1-49f5-ba88-07a54202ac7d" providerId="ADAL" clId="{1EEC5D65-53DB-49BB-8210-9857D65F24AB}" dt="2024-02-07T09:30:05.057" v="1075" actId="20577"/>
          <pc:sldLayoutMkLst>
            <pc:docMk/>
            <pc:sldMasterMk cId="4061182373" sldId="2147483765"/>
            <pc:sldLayoutMk cId="3518373976" sldId="2147483801"/>
          </pc:sldLayoutMkLst>
          <pc:spChg chg="mod">
            <ac:chgData name="Oscar Llorente Gonzalez" userId="e1d48c7f-7de1-49f5-ba88-07a54202ac7d" providerId="ADAL" clId="{1EEC5D65-53DB-49BB-8210-9857D65F24AB}" dt="2024-02-07T09:30:05.057" v="1075" actId="20577"/>
            <ac:spMkLst>
              <pc:docMk/>
              <pc:sldMasterMk cId="4061182373" sldId="2147483765"/>
              <pc:sldLayoutMk cId="3518373976" sldId="2147483801"/>
              <ac:spMk id="5" creationId="{8A859F72-32B2-47EB-8CB5-BCF639CDADF5}"/>
            </ac:spMkLst>
          </pc:spChg>
        </pc:sldLayoutChg>
        <pc:sldLayoutChg chg="modSp mod">
          <pc:chgData name="Oscar Llorente Gonzalez" userId="e1d48c7f-7de1-49f5-ba88-07a54202ac7d" providerId="ADAL" clId="{1EEC5D65-53DB-49BB-8210-9857D65F24AB}" dt="2024-02-07T09:30:05.067" v="1079" actId="20577"/>
          <pc:sldLayoutMkLst>
            <pc:docMk/>
            <pc:sldMasterMk cId="4061182373" sldId="2147483765"/>
            <pc:sldLayoutMk cId="1623742912" sldId="2147483802"/>
          </pc:sldLayoutMkLst>
          <pc:spChg chg="mod">
            <ac:chgData name="Oscar Llorente Gonzalez" userId="e1d48c7f-7de1-49f5-ba88-07a54202ac7d" providerId="ADAL" clId="{1EEC5D65-53DB-49BB-8210-9857D65F24AB}" dt="2024-02-07T09:30:05.067" v="1079" actId="20577"/>
            <ac:spMkLst>
              <pc:docMk/>
              <pc:sldMasterMk cId="4061182373" sldId="2147483765"/>
              <pc:sldLayoutMk cId="1623742912" sldId="2147483802"/>
              <ac:spMk id="3" creationId="{C44ECCE6-4D94-443E-8C20-CA233A5C0572}"/>
            </ac:spMkLst>
          </pc:spChg>
        </pc:sldLayoutChg>
        <pc:sldLayoutChg chg="modSp mod">
          <pc:chgData name="Oscar Llorente Gonzalez" userId="e1d48c7f-7de1-49f5-ba88-07a54202ac7d" providerId="ADAL" clId="{1EEC5D65-53DB-49BB-8210-9857D65F24AB}" dt="2024-02-07T09:30:05.107" v="1083" actId="20577"/>
          <pc:sldLayoutMkLst>
            <pc:docMk/>
            <pc:sldMasterMk cId="4061182373" sldId="2147483765"/>
            <pc:sldLayoutMk cId="1461235300" sldId="2147483821"/>
          </pc:sldLayoutMkLst>
          <pc:spChg chg="mod">
            <ac:chgData name="Oscar Llorente Gonzalez" userId="e1d48c7f-7de1-49f5-ba88-07a54202ac7d" providerId="ADAL" clId="{1EEC5D65-53DB-49BB-8210-9857D65F24AB}" dt="2024-02-07T09:30:05.107" v="1083" actId="20577"/>
            <ac:spMkLst>
              <pc:docMk/>
              <pc:sldMasterMk cId="4061182373" sldId="2147483765"/>
              <pc:sldLayoutMk cId="1461235300" sldId="2147483821"/>
              <ac:spMk id="3" creationId="{C44ECCE6-4D94-443E-8C20-CA233A5C0572}"/>
            </ac:spMkLst>
          </pc:spChg>
        </pc:sldLayoutChg>
        <pc:sldLayoutChg chg="modSp mod">
          <pc:chgData name="Oscar Llorente Gonzalez" userId="e1d48c7f-7de1-49f5-ba88-07a54202ac7d" providerId="ADAL" clId="{1EEC5D65-53DB-49BB-8210-9857D65F24AB}" dt="2024-02-07T09:30:05.107" v="1087" actId="20577"/>
          <pc:sldLayoutMkLst>
            <pc:docMk/>
            <pc:sldMasterMk cId="4061182373" sldId="2147483765"/>
            <pc:sldLayoutMk cId="2881847180" sldId="2147483822"/>
          </pc:sldLayoutMkLst>
          <pc:spChg chg="mod">
            <ac:chgData name="Oscar Llorente Gonzalez" userId="e1d48c7f-7de1-49f5-ba88-07a54202ac7d" providerId="ADAL" clId="{1EEC5D65-53DB-49BB-8210-9857D65F24AB}" dt="2024-02-07T09:30:05.107" v="1087" actId="20577"/>
            <ac:spMkLst>
              <pc:docMk/>
              <pc:sldMasterMk cId="4061182373" sldId="2147483765"/>
              <pc:sldLayoutMk cId="2881847180" sldId="2147483822"/>
              <ac:spMk id="9" creationId="{72C1EE1F-EF94-4EBA-A010-8BC3D2F38C39}"/>
            </ac:spMkLst>
          </pc:spChg>
        </pc:sldLayoutChg>
        <pc:sldLayoutChg chg="modSp mod">
          <pc:chgData name="Oscar Llorente Gonzalez" userId="e1d48c7f-7de1-49f5-ba88-07a54202ac7d" providerId="ADAL" clId="{1EEC5D65-53DB-49BB-8210-9857D65F24AB}" dt="2024-02-07T09:30:05.124" v="1091" actId="20577"/>
          <pc:sldLayoutMkLst>
            <pc:docMk/>
            <pc:sldMasterMk cId="4061182373" sldId="2147483765"/>
            <pc:sldLayoutMk cId="19749786" sldId="2147483823"/>
          </pc:sldLayoutMkLst>
          <pc:spChg chg="mod">
            <ac:chgData name="Oscar Llorente Gonzalez" userId="e1d48c7f-7de1-49f5-ba88-07a54202ac7d" providerId="ADAL" clId="{1EEC5D65-53DB-49BB-8210-9857D65F24AB}" dt="2024-02-07T09:30:05.124" v="1091" actId="20577"/>
            <ac:spMkLst>
              <pc:docMk/>
              <pc:sldMasterMk cId="4061182373" sldId="2147483765"/>
              <pc:sldLayoutMk cId="19749786" sldId="2147483823"/>
              <ac:spMk id="5" creationId="{203FD5EF-20DB-46AB-B412-DF9112353719}"/>
            </ac:spMkLst>
          </pc:spChg>
        </pc:sldLayoutChg>
        <pc:sldLayoutChg chg="modSp mod">
          <pc:chgData name="Oscar Llorente Gonzalez" userId="e1d48c7f-7de1-49f5-ba88-07a54202ac7d" providerId="ADAL" clId="{1EEC5D65-53DB-49BB-8210-9857D65F24AB}" dt="2024-02-07T09:30:05.124" v="1095" actId="20577"/>
          <pc:sldLayoutMkLst>
            <pc:docMk/>
            <pc:sldMasterMk cId="4061182373" sldId="2147483765"/>
            <pc:sldLayoutMk cId="2795526763" sldId="2147483824"/>
          </pc:sldLayoutMkLst>
          <pc:spChg chg="mod">
            <ac:chgData name="Oscar Llorente Gonzalez" userId="e1d48c7f-7de1-49f5-ba88-07a54202ac7d" providerId="ADAL" clId="{1EEC5D65-53DB-49BB-8210-9857D65F24AB}" dt="2024-02-07T09:30:05.124" v="1095" actId="20577"/>
            <ac:spMkLst>
              <pc:docMk/>
              <pc:sldMasterMk cId="4061182373" sldId="2147483765"/>
              <pc:sldLayoutMk cId="2795526763" sldId="2147483824"/>
              <ac:spMk id="3" creationId="{C44ECCE6-4D94-443E-8C20-CA233A5C0572}"/>
            </ac:spMkLst>
          </pc:spChg>
        </pc:sldLayoutChg>
        <pc:sldLayoutChg chg="modSp mod">
          <pc:chgData name="Oscar Llorente Gonzalez" userId="e1d48c7f-7de1-49f5-ba88-07a54202ac7d" providerId="ADAL" clId="{1EEC5D65-53DB-49BB-8210-9857D65F24AB}" dt="2024-02-07T09:30:05.140" v="1099" actId="20577"/>
          <pc:sldLayoutMkLst>
            <pc:docMk/>
            <pc:sldMasterMk cId="4061182373" sldId="2147483765"/>
            <pc:sldLayoutMk cId="186073884" sldId="2147483825"/>
          </pc:sldLayoutMkLst>
          <pc:spChg chg="mod">
            <ac:chgData name="Oscar Llorente Gonzalez" userId="e1d48c7f-7de1-49f5-ba88-07a54202ac7d" providerId="ADAL" clId="{1EEC5D65-53DB-49BB-8210-9857D65F24AB}" dt="2024-02-07T09:30:05.140" v="1099" actId="20577"/>
            <ac:spMkLst>
              <pc:docMk/>
              <pc:sldMasterMk cId="4061182373" sldId="2147483765"/>
              <pc:sldLayoutMk cId="186073884" sldId="2147483825"/>
              <ac:spMk id="8" creationId="{C2AD0284-E6BA-49D8-AB3F-D94DBB1D54F0}"/>
            </ac:spMkLst>
          </pc:spChg>
        </pc:sldLayoutChg>
        <pc:sldLayoutChg chg="modSp mod">
          <pc:chgData name="Oscar Llorente Gonzalez" userId="e1d48c7f-7de1-49f5-ba88-07a54202ac7d" providerId="ADAL" clId="{1EEC5D65-53DB-49BB-8210-9857D65F24AB}" dt="2024-02-07T09:30:05.157" v="1103" actId="20577"/>
          <pc:sldLayoutMkLst>
            <pc:docMk/>
            <pc:sldMasterMk cId="4061182373" sldId="2147483765"/>
            <pc:sldLayoutMk cId="3364640623" sldId="2147483826"/>
          </pc:sldLayoutMkLst>
          <pc:spChg chg="mod">
            <ac:chgData name="Oscar Llorente Gonzalez" userId="e1d48c7f-7de1-49f5-ba88-07a54202ac7d" providerId="ADAL" clId="{1EEC5D65-53DB-49BB-8210-9857D65F24AB}" dt="2024-02-07T09:30:05.157" v="1103" actId="20577"/>
            <ac:spMkLst>
              <pc:docMk/>
              <pc:sldMasterMk cId="4061182373" sldId="2147483765"/>
              <pc:sldLayoutMk cId="3364640623" sldId="2147483826"/>
              <ac:spMk id="7" creationId="{DB8BC610-C1B0-4C6A-B5C2-80DA487CE5DE}"/>
            </ac:spMkLst>
          </pc:spChg>
        </pc:sldLayoutChg>
        <pc:sldLayoutChg chg="modSp mod">
          <pc:chgData name="Oscar Llorente Gonzalez" userId="e1d48c7f-7de1-49f5-ba88-07a54202ac7d" providerId="ADAL" clId="{1EEC5D65-53DB-49BB-8210-9857D65F24AB}" dt="2024-02-07T09:30:05.157" v="1107" actId="20577"/>
          <pc:sldLayoutMkLst>
            <pc:docMk/>
            <pc:sldMasterMk cId="4061182373" sldId="2147483765"/>
            <pc:sldLayoutMk cId="442173529" sldId="2147483827"/>
          </pc:sldLayoutMkLst>
          <pc:spChg chg="mod">
            <ac:chgData name="Oscar Llorente Gonzalez" userId="e1d48c7f-7de1-49f5-ba88-07a54202ac7d" providerId="ADAL" clId="{1EEC5D65-53DB-49BB-8210-9857D65F24AB}" dt="2024-02-07T09:30:05.157" v="1107" actId="20577"/>
            <ac:spMkLst>
              <pc:docMk/>
              <pc:sldMasterMk cId="4061182373" sldId="2147483765"/>
              <pc:sldLayoutMk cId="442173529" sldId="2147483827"/>
              <ac:spMk id="8" creationId="{53797230-5A6C-4718-8C90-CB9F2709B382}"/>
            </ac:spMkLst>
          </pc:spChg>
        </pc:sldLayoutChg>
        <pc:sldLayoutChg chg="modSp mod">
          <pc:chgData name="Oscar Llorente Gonzalez" userId="e1d48c7f-7de1-49f5-ba88-07a54202ac7d" providerId="ADAL" clId="{1EEC5D65-53DB-49BB-8210-9857D65F24AB}" dt="2024-02-07T09:30:05.173" v="1111" actId="20577"/>
          <pc:sldLayoutMkLst>
            <pc:docMk/>
            <pc:sldMasterMk cId="4061182373" sldId="2147483765"/>
            <pc:sldLayoutMk cId="3245256019" sldId="2147483828"/>
          </pc:sldLayoutMkLst>
          <pc:spChg chg="mod">
            <ac:chgData name="Oscar Llorente Gonzalez" userId="e1d48c7f-7de1-49f5-ba88-07a54202ac7d" providerId="ADAL" clId="{1EEC5D65-53DB-49BB-8210-9857D65F24AB}" dt="2024-02-07T09:30:05.173" v="1111" actId="20577"/>
            <ac:spMkLst>
              <pc:docMk/>
              <pc:sldMasterMk cId="4061182373" sldId="2147483765"/>
              <pc:sldLayoutMk cId="3245256019" sldId="2147483828"/>
              <ac:spMk id="9" creationId="{2C8570FA-FAA3-4EFA-A4F1-01C285AE39DE}"/>
            </ac:spMkLst>
          </pc:spChg>
        </pc:sldLayoutChg>
        <pc:sldLayoutChg chg="modSp mod">
          <pc:chgData name="Oscar Llorente Gonzalez" userId="e1d48c7f-7de1-49f5-ba88-07a54202ac7d" providerId="ADAL" clId="{1EEC5D65-53DB-49BB-8210-9857D65F24AB}" dt="2024-02-07T09:30:05.173" v="1115" actId="20577"/>
          <pc:sldLayoutMkLst>
            <pc:docMk/>
            <pc:sldMasterMk cId="4061182373" sldId="2147483765"/>
            <pc:sldLayoutMk cId="740314404" sldId="2147483829"/>
          </pc:sldLayoutMkLst>
          <pc:spChg chg="mod">
            <ac:chgData name="Oscar Llorente Gonzalez" userId="e1d48c7f-7de1-49f5-ba88-07a54202ac7d" providerId="ADAL" clId="{1EEC5D65-53DB-49BB-8210-9857D65F24AB}" dt="2024-02-07T09:30:05.173" v="1115" actId="20577"/>
            <ac:spMkLst>
              <pc:docMk/>
              <pc:sldMasterMk cId="4061182373" sldId="2147483765"/>
              <pc:sldLayoutMk cId="740314404" sldId="2147483829"/>
              <ac:spMk id="11" creationId="{A55C34B4-681E-4FDA-A9BB-6BC31D94C8D6}"/>
            </ac:spMkLst>
          </pc:spChg>
        </pc:sldLayoutChg>
        <pc:sldLayoutChg chg="modSp mod">
          <pc:chgData name="Oscar Llorente Gonzalez" userId="e1d48c7f-7de1-49f5-ba88-07a54202ac7d" providerId="ADAL" clId="{1EEC5D65-53DB-49BB-8210-9857D65F24AB}" dt="2024-02-07T09:30:05.191" v="1119" actId="20577"/>
          <pc:sldLayoutMkLst>
            <pc:docMk/>
            <pc:sldMasterMk cId="4061182373" sldId="2147483765"/>
            <pc:sldLayoutMk cId="3035770219" sldId="2147483830"/>
          </pc:sldLayoutMkLst>
          <pc:spChg chg="mod">
            <ac:chgData name="Oscar Llorente Gonzalez" userId="e1d48c7f-7de1-49f5-ba88-07a54202ac7d" providerId="ADAL" clId="{1EEC5D65-53DB-49BB-8210-9857D65F24AB}" dt="2024-02-07T09:30:05.191" v="1119" actId="20577"/>
            <ac:spMkLst>
              <pc:docMk/>
              <pc:sldMasterMk cId="4061182373" sldId="2147483765"/>
              <pc:sldLayoutMk cId="3035770219" sldId="2147483830"/>
              <ac:spMk id="10" creationId="{549048C1-340D-44C4-857B-1B201EC9A7E7}"/>
            </ac:spMkLst>
          </pc:spChg>
        </pc:sldLayoutChg>
        <pc:sldLayoutChg chg="modSp mod">
          <pc:chgData name="Oscar Llorente Gonzalez" userId="e1d48c7f-7de1-49f5-ba88-07a54202ac7d" providerId="ADAL" clId="{1EEC5D65-53DB-49BB-8210-9857D65F24AB}" dt="2024-02-07T09:30:05.191" v="1123" actId="20577"/>
          <pc:sldLayoutMkLst>
            <pc:docMk/>
            <pc:sldMasterMk cId="4061182373" sldId="2147483765"/>
            <pc:sldLayoutMk cId="2372352142" sldId="2147483831"/>
          </pc:sldLayoutMkLst>
          <pc:spChg chg="mod">
            <ac:chgData name="Oscar Llorente Gonzalez" userId="e1d48c7f-7de1-49f5-ba88-07a54202ac7d" providerId="ADAL" clId="{1EEC5D65-53DB-49BB-8210-9857D65F24AB}" dt="2024-02-07T09:30:05.191" v="1123" actId="20577"/>
            <ac:spMkLst>
              <pc:docMk/>
              <pc:sldMasterMk cId="4061182373" sldId="2147483765"/>
              <pc:sldLayoutMk cId="2372352142" sldId="2147483831"/>
              <ac:spMk id="14" creationId="{089CBEB5-348B-49F3-8F8B-FDEE08950E37}"/>
            </ac:spMkLst>
          </pc:spChg>
        </pc:sldLayoutChg>
        <pc:sldLayoutChg chg="modSp mod">
          <pc:chgData name="Oscar Llorente Gonzalez" userId="e1d48c7f-7de1-49f5-ba88-07a54202ac7d" providerId="ADAL" clId="{1EEC5D65-53DB-49BB-8210-9857D65F24AB}" dt="2024-02-07T09:30:05.208" v="1127" actId="20577"/>
          <pc:sldLayoutMkLst>
            <pc:docMk/>
            <pc:sldMasterMk cId="4061182373" sldId="2147483765"/>
            <pc:sldLayoutMk cId="980170257" sldId="2147483832"/>
          </pc:sldLayoutMkLst>
          <pc:spChg chg="mod">
            <ac:chgData name="Oscar Llorente Gonzalez" userId="e1d48c7f-7de1-49f5-ba88-07a54202ac7d" providerId="ADAL" clId="{1EEC5D65-53DB-49BB-8210-9857D65F24AB}" dt="2024-02-07T09:30:05.208" v="1127" actId="20577"/>
            <ac:spMkLst>
              <pc:docMk/>
              <pc:sldMasterMk cId="4061182373" sldId="2147483765"/>
              <pc:sldLayoutMk cId="980170257" sldId="2147483832"/>
              <ac:spMk id="5" creationId="{8A859F72-32B2-47EB-8CB5-BCF639CDADF5}"/>
            </ac:spMkLst>
          </pc:spChg>
        </pc:sldLayoutChg>
        <pc:sldLayoutChg chg="modSp mod">
          <pc:chgData name="Oscar Llorente Gonzalez" userId="e1d48c7f-7de1-49f5-ba88-07a54202ac7d" providerId="ADAL" clId="{1EEC5D65-53DB-49BB-8210-9857D65F24AB}" dt="2024-02-07T09:30:05.250" v="1131" actId="20577"/>
          <pc:sldLayoutMkLst>
            <pc:docMk/>
            <pc:sldMasterMk cId="4061182373" sldId="2147483765"/>
            <pc:sldLayoutMk cId="3249480313" sldId="2147483845"/>
          </pc:sldLayoutMkLst>
          <pc:spChg chg="mod">
            <ac:chgData name="Oscar Llorente Gonzalez" userId="e1d48c7f-7de1-49f5-ba88-07a54202ac7d" providerId="ADAL" clId="{1EEC5D65-53DB-49BB-8210-9857D65F24AB}" dt="2024-02-07T09:30:05.250" v="1131" actId="20577"/>
            <ac:spMkLst>
              <pc:docMk/>
              <pc:sldMasterMk cId="4061182373" sldId="2147483765"/>
              <pc:sldLayoutMk cId="3249480313" sldId="2147483845"/>
              <ac:spMk id="5" creationId="{8A859F72-32B2-47EB-8CB5-BCF639CDADF5}"/>
            </ac:spMkLst>
          </pc:spChg>
        </pc:sldLayoutChg>
        <pc:sldLayoutChg chg="modSp mod">
          <pc:chgData name="Oscar Llorente Gonzalez" userId="e1d48c7f-7de1-49f5-ba88-07a54202ac7d" providerId="ADAL" clId="{1EEC5D65-53DB-49BB-8210-9857D65F24AB}" dt="2024-02-07T09:30:05.260" v="1135" actId="20577"/>
          <pc:sldLayoutMkLst>
            <pc:docMk/>
            <pc:sldMasterMk cId="4061182373" sldId="2147483765"/>
            <pc:sldLayoutMk cId="4078751501" sldId="2147483846"/>
          </pc:sldLayoutMkLst>
          <pc:spChg chg="mod">
            <ac:chgData name="Oscar Llorente Gonzalez" userId="e1d48c7f-7de1-49f5-ba88-07a54202ac7d" providerId="ADAL" clId="{1EEC5D65-53DB-49BB-8210-9857D65F24AB}" dt="2024-02-07T09:30:05.260" v="1135" actId="20577"/>
            <ac:spMkLst>
              <pc:docMk/>
              <pc:sldMasterMk cId="4061182373" sldId="2147483765"/>
              <pc:sldLayoutMk cId="4078751501" sldId="2147483846"/>
              <ac:spMk id="5" creationId="{8A859F72-32B2-47EB-8CB5-BCF639CDADF5}"/>
            </ac:spMkLst>
          </pc:spChg>
        </pc:sldLayoutChg>
        <pc:sldLayoutChg chg="modSp mod">
          <pc:chgData name="Oscar Llorente Gonzalez" userId="e1d48c7f-7de1-49f5-ba88-07a54202ac7d" providerId="ADAL" clId="{1EEC5D65-53DB-49BB-8210-9857D65F24AB}" dt="2024-02-07T09:30:05.274" v="1139" actId="20577"/>
          <pc:sldLayoutMkLst>
            <pc:docMk/>
            <pc:sldMasterMk cId="4061182373" sldId="2147483765"/>
            <pc:sldLayoutMk cId="3981605940" sldId="2147483847"/>
          </pc:sldLayoutMkLst>
          <pc:spChg chg="mod">
            <ac:chgData name="Oscar Llorente Gonzalez" userId="e1d48c7f-7de1-49f5-ba88-07a54202ac7d" providerId="ADAL" clId="{1EEC5D65-53DB-49BB-8210-9857D65F24AB}" dt="2024-02-07T09:30:05.274" v="1139" actId="20577"/>
            <ac:spMkLst>
              <pc:docMk/>
              <pc:sldMasterMk cId="4061182373" sldId="2147483765"/>
              <pc:sldLayoutMk cId="3981605940" sldId="2147483847"/>
              <ac:spMk id="7" creationId="{8D51E95B-B5A6-40B6-97CB-5F0FE563EB1D}"/>
            </ac:spMkLst>
          </pc:spChg>
        </pc:sldLayoutChg>
        <pc:sldLayoutChg chg="modSp mod">
          <pc:chgData name="Oscar Llorente Gonzalez" userId="e1d48c7f-7de1-49f5-ba88-07a54202ac7d" providerId="ADAL" clId="{1EEC5D65-53DB-49BB-8210-9857D65F24AB}" dt="2024-02-07T09:30:05.324" v="1143" actId="20577"/>
          <pc:sldLayoutMkLst>
            <pc:docMk/>
            <pc:sldMasterMk cId="4061182373" sldId="2147483765"/>
            <pc:sldLayoutMk cId="3709990802" sldId="2147483870"/>
          </pc:sldLayoutMkLst>
          <pc:spChg chg="mod">
            <ac:chgData name="Oscar Llorente Gonzalez" userId="e1d48c7f-7de1-49f5-ba88-07a54202ac7d" providerId="ADAL" clId="{1EEC5D65-53DB-49BB-8210-9857D65F24AB}" dt="2024-02-07T09:30:05.324" v="1143" actId="20577"/>
            <ac:spMkLst>
              <pc:docMk/>
              <pc:sldMasterMk cId="4061182373" sldId="2147483765"/>
              <pc:sldLayoutMk cId="3709990802" sldId="2147483870"/>
              <ac:spMk id="3" creationId="{C44ECCE6-4D94-443E-8C20-CA233A5C0572}"/>
            </ac:spMkLst>
          </pc:spChg>
        </pc:sldLayoutChg>
      </pc:sldMasterChg>
    </pc:docChg>
  </pc:docChgLst>
  <pc:docChgLst>
    <pc:chgData name="Oscar Llorente Gonzalez" userId="e1d48c7f-7de1-49f5-ba88-07a54202ac7d" providerId="ADAL" clId="{2EB597FE-FE2E-47C9-86A5-2D441B3829E4}"/>
    <pc:docChg chg="undo custSel delSld modSld sldOrd modMainMaster modSection">
      <pc:chgData name="Oscar Llorente Gonzalez" userId="e1d48c7f-7de1-49f5-ba88-07a54202ac7d" providerId="ADAL" clId="{2EB597FE-FE2E-47C9-86A5-2D441B3829E4}" dt="2024-02-08T11:15:35.862" v="856" actId="14100"/>
      <pc:docMkLst>
        <pc:docMk/>
      </pc:docMkLst>
      <pc:sldChg chg="del">
        <pc:chgData name="Oscar Llorente Gonzalez" userId="e1d48c7f-7de1-49f5-ba88-07a54202ac7d" providerId="ADAL" clId="{2EB597FE-FE2E-47C9-86A5-2D441B3829E4}" dt="2024-02-08T10:53:38.279" v="142" actId="47"/>
        <pc:sldMkLst>
          <pc:docMk/>
          <pc:sldMk cId="3709959988" sldId="270"/>
        </pc:sldMkLst>
      </pc:sldChg>
      <pc:sldChg chg="del">
        <pc:chgData name="Oscar Llorente Gonzalez" userId="e1d48c7f-7de1-49f5-ba88-07a54202ac7d" providerId="ADAL" clId="{2EB597FE-FE2E-47C9-86A5-2D441B3829E4}" dt="2024-02-08T10:53:37.623" v="141" actId="47"/>
        <pc:sldMkLst>
          <pc:docMk/>
          <pc:sldMk cId="2395417709" sldId="2147479165"/>
        </pc:sldMkLst>
      </pc:sldChg>
      <pc:sldChg chg="del">
        <pc:chgData name="Oscar Llorente Gonzalez" userId="e1d48c7f-7de1-49f5-ba88-07a54202ac7d" providerId="ADAL" clId="{2EB597FE-FE2E-47C9-86A5-2D441B3829E4}" dt="2024-02-08T10:53:35.216" v="137" actId="47"/>
        <pc:sldMkLst>
          <pc:docMk/>
          <pc:sldMk cId="3824782914" sldId="2147479178"/>
        </pc:sldMkLst>
      </pc:sldChg>
      <pc:sldChg chg="del">
        <pc:chgData name="Oscar Llorente Gonzalez" userId="e1d48c7f-7de1-49f5-ba88-07a54202ac7d" providerId="ADAL" clId="{2EB597FE-FE2E-47C9-86A5-2D441B3829E4}" dt="2024-02-08T10:53:36.386" v="139" actId="47"/>
        <pc:sldMkLst>
          <pc:docMk/>
          <pc:sldMk cId="1730299970" sldId="2147479179"/>
        </pc:sldMkLst>
      </pc:sldChg>
      <pc:sldChg chg="del">
        <pc:chgData name="Oscar Llorente Gonzalez" userId="e1d48c7f-7de1-49f5-ba88-07a54202ac7d" providerId="ADAL" clId="{2EB597FE-FE2E-47C9-86A5-2D441B3829E4}" dt="2024-02-08T10:53:34.656" v="136" actId="47"/>
        <pc:sldMkLst>
          <pc:docMk/>
          <pc:sldMk cId="401904506" sldId="2147479182"/>
        </pc:sldMkLst>
      </pc:sldChg>
      <pc:sldChg chg="del">
        <pc:chgData name="Oscar Llorente Gonzalez" userId="e1d48c7f-7de1-49f5-ba88-07a54202ac7d" providerId="ADAL" clId="{2EB597FE-FE2E-47C9-86A5-2D441B3829E4}" dt="2024-02-08T10:53:35.795" v="138" actId="47"/>
        <pc:sldMkLst>
          <pc:docMk/>
          <pc:sldMk cId="1293046710" sldId="2147479183"/>
        </pc:sldMkLst>
      </pc:sldChg>
      <pc:sldChg chg="del">
        <pc:chgData name="Oscar Llorente Gonzalez" userId="e1d48c7f-7de1-49f5-ba88-07a54202ac7d" providerId="ADAL" clId="{2EB597FE-FE2E-47C9-86A5-2D441B3829E4}" dt="2024-02-08T10:53:31.202" v="134" actId="47"/>
        <pc:sldMkLst>
          <pc:docMk/>
          <pc:sldMk cId="71226376" sldId="2147479187"/>
        </pc:sldMkLst>
      </pc:sldChg>
      <pc:sldChg chg="del">
        <pc:chgData name="Oscar Llorente Gonzalez" userId="e1d48c7f-7de1-49f5-ba88-07a54202ac7d" providerId="ADAL" clId="{2EB597FE-FE2E-47C9-86A5-2D441B3829E4}" dt="2024-02-08T10:53:30.479" v="133" actId="47"/>
        <pc:sldMkLst>
          <pc:docMk/>
          <pc:sldMk cId="2621176561" sldId="2147479188"/>
        </pc:sldMkLst>
      </pc:sldChg>
      <pc:sldChg chg="del">
        <pc:chgData name="Oscar Llorente Gonzalez" userId="e1d48c7f-7de1-49f5-ba88-07a54202ac7d" providerId="ADAL" clId="{2EB597FE-FE2E-47C9-86A5-2D441B3829E4}" dt="2024-02-08T10:53:40.056" v="145" actId="47"/>
        <pc:sldMkLst>
          <pc:docMk/>
          <pc:sldMk cId="1227111822" sldId="2147479192"/>
        </pc:sldMkLst>
      </pc:sldChg>
      <pc:sldChg chg="modSp mod">
        <pc:chgData name="Oscar Llorente Gonzalez" userId="e1d48c7f-7de1-49f5-ba88-07a54202ac7d" providerId="ADAL" clId="{2EB597FE-FE2E-47C9-86A5-2D441B3829E4}" dt="2024-02-08T10:59:36.025" v="443"/>
        <pc:sldMkLst>
          <pc:docMk/>
          <pc:sldMk cId="46647062" sldId="2147479193"/>
        </pc:sldMkLst>
        <pc:spChg chg="mod">
          <ac:chgData name="Oscar Llorente Gonzalez" userId="e1d48c7f-7de1-49f5-ba88-07a54202ac7d" providerId="ADAL" clId="{2EB597FE-FE2E-47C9-86A5-2D441B3829E4}" dt="2024-02-08T10:59:36.025" v="443"/>
          <ac:spMkLst>
            <pc:docMk/>
            <pc:sldMk cId="46647062" sldId="2147479193"/>
            <ac:spMk id="20" creationId="{BDDCF03B-24AE-05EB-527C-A8170D91E665}"/>
          </ac:spMkLst>
        </pc:spChg>
        <pc:spChg chg="mod">
          <ac:chgData name="Oscar Llorente Gonzalez" userId="e1d48c7f-7de1-49f5-ba88-07a54202ac7d" providerId="ADAL" clId="{2EB597FE-FE2E-47C9-86A5-2D441B3829E4}" dt="2024-02-08T10:55:35.588" v="221" actId="20577"/>
          <ac:spMkLst>
            <pc:docMk/>
            <pc:sldMk cId="46647062" sldId="2147479193"/>
            <ac:spMk id="22" creationId="{18B85F4C-6797-89F5-6EA7-2997BBF4E4B1}"/>
          </ac:spMkLst>
        </pc:spChg>
      </pc:sldChg>
      <pc:sldChg chg="del">
        <pc:chgData name="Oscar Llorente Gonzalez" userId="e1d48c7f-7de1-49f5-ba88-07a54202ac7d" providerId="ADAL" clId="{2EB597FE-FE2E-47C9-86A5-2D441B3829E4}" dt="2024-02-08T10:53:27.549" v="130" actId="47"/>
        <pc:sldMkLst>
          <pc:docMk/>
          <pc:sldMk cId="624504898" sldId="2147479454"/>
        </pc:sldMkLst>
      </pc:sldChg>
      <pc:sldChg chg="del">
        <pc:chgData name="Oscar Llorente Gonzalez" userId="e1d48c7f-7de1-49f5-ba88-07a54202ac7d" providerId="ADAL" clId="{2EB597FE-FE2E-47C9-86A5-2D441B3829E4}" dt="2024-02-08T10:53:31.696" v="135" actId="47"/>
        <pc:sldMkLst>
          <pc:docMk/>
          <pc:sldMk cId="1627335658" sldId="2147479490"/>
        </pc:sldMkLst>
      </pc:sldChg>
      <pc:sldChg chg="del">
        <pc:chgData name="Oscar Llorente Gonzalez" userId="e1d48c7f-7de1-49f5-ba88-07a54202ac7d" providerId="ADAL" clId="{2EB597FE-FE2E-47C9-86A5-2D441B3829E4}" dt="2024-02-08T10:53:36.960" v="140" actId="47"/>
        <pc:sldMkLst>
          <pc:docMk/>
          <pc:sldMk cId="4244552098" sldId="2147479491"/>
        </pc:sldMkLst>
      </pc:sldChg>
      <pc:sldChg chg="del">
        <pc:chgData name="Oscar Llorente Gonzalez" userId="e1d48c7f-7de1-49f5-ba88-07a54202ac7d" providerId="ADAL" clId="{2EB597FE-FE2E-47C9-86A5-2D441B3829E4}" dt="2024-02-08T10:53:38.806" v="143" actId="47"/>
        <pc:sldMkLst>
          <pc:docMk/>
          <pc:sldMk cId="3477777712" sldId="2147479492"/>
        </pc:sldMkLst>
      </pc:sldChg>
      <pc:sldChg chg="del">
        <pc:chgData name="Oscar Llorente Gonzalez" userId="e1d48c7f-7de1-49f5-ba88-07a54202ac7d" providerId="ADAL" clId="{2EB597FE-FE2E-47C9-86A5-2D441B3829E4}" dt="2024-02-08T10:53:39.456" v="144" actId="47"/>
        <pc:sldMkLst>
          <pc:docMk/>
          <pc:sldMk cId="1594342864" sldId="2147479493"/>
        </pc:sldMkLst>
      </pc:sldChg>
      <pc:sldChg chg="del ord">
        <pc:chgData name="Oscar Llorente Gonzalez" userId="e1d48c7f-7de1-49f5-ba88-07a54202ac7d" providerId="ADAL" clId="{2EB597FE-FE2E-47C9-86A5-2D441B3829E4}" dt="2024-02-08T11:03:47.106" v="518" actId="47"/>
        <pc:sldMkLst>
          <pc:docMk/>
          <pc:sldMk cId="1046278069" sldId="2147479494"/>
        </pc:sldMkLst>
      </pc:sldChg>
      <pc:sldChg chg="del">
        <pc:chgData name="Oscar Llorente Gonzalez" userId="e1d48c7f-7de1-49f5-ba88-07a54202ac7d" providerId="ADAL" clId="{2EB597FE-FE2E-47C9-86A5-2D441B3829E4}" dt="2024-02-08T10:54:57.615" v="211" actId="47"/>
        <pc:sldMkLst>
          <pc:docMk/>
          <pc:sldMk cId="2921247362" sldId="2147479495"/>
        </pc:sldMkLst>
      </pc:sldChg>
      <pc:sldChg chg="del">
        <pc:chgData name="Oscar Llorente Gonzalez" userId="e1d48c7f-7de1-49f5-ba88-07a54202ac7d" providerId="ADAL" clId="{2EB597FE-FE2E-47C9-86A5-2D441B3829E4}" dt="2024-02-08T10:53:48.311" v="148" actId="47"/>
        <pc:sldMkLst>
          <pc:docMk/>
          <pc:sldMk cId="2447576259" sldId="2147479497"/>
        </pc:sldMkLst>
      </pc:sldChg>
      <pc:sldChg chg="ord">
        <pc:chgData name="Oscar Llorente Gonzalez" userId="e1d48c7f-7de1-49f5-ba88-07a54202ac7d" providerId="ADAL" clId="{2EB597FE-FE2E-47C9-86A5-2D441B3829E4}" dt="2024-02-08T10:53:53.760" v="152"/>
        <pc:sldMkLst>
          <pc:docMk/>
          <pc:sldMk cId="2453484934" sldId="2147479498"/>
        </pc:sldMkLst>
      </pc:sldChg>
      <pc:sldChg chg="del">
        <pc:chgData name="Oscar Llorente Gonzalez" userId="e1d48c7f-7de1-49f5-ba88-07a54202ac7d" providerId="ADAL" clId="{2EB597FE-FE2E-47C9-86A5-2D441B3829E4}" dt="2024-02-08T10:53:25.910" v="128" actId="47"/>
        <pc:sldMkLst>
          <pc:docMk/>
          <pc:sldMk cId="1202315257" sldId="2147479501"/>
        </pc:sldMkLst>
      </pc:sldChg>
      <pc:sldChg chg="del">
        <pc:chgData name="Oscar Llorente Gonzalez" userId="e1d48c7f-7de1-49f5-ba88-07a54202ac7d" providerId="ADAL" clId="{2EB597FE-FE2E-47C9-86A5-2D441B3829E4}" dt="2024-02-08T10:57:55.115" v="310" actId="2696"/>
        <pc:sldMkLst>
          <pc:docMk/>
          <pc:sldMk cId="2286114330" sldId="2147479503"/>
        </pc:sldMkLst>
      </pc:sldChg>
      <pc:sldChg chg="del">
        <pc:chgData name="Oscar Llorente Gonzalez" userId="e1d48c7f-7de1-49f5-ba88-07a54202ac7d" providerId="ADAL" clId="{2EB597FE-FE2E-47C9-86A5-2D441B3829E4}" dt="2024-02-08T10:53:29.791" v="132" actId="47"/>
        <pc:sldMkLst>
          <pc:docMk/>
          <pc:sldMk cId="4106844089" sldId="2147479504"/>
        </pc:sldMkLst>
      </pc:sldChg>
      <pc:sldChg chg="modSp mod">
        <pc:chgData name="Oscar Llorente Gonzalez" userId="e1d48c7f-7de1-49f5-ba88-07a54202ac7d" providerId="ADAL" clId="{2EB597FE-FE2E-47C9-86A5-2D441B3829E4}" dt="2024-02-08T10:54:41.375" v="208" actId="20577"/>
        <pc:sldMkLst>
          <pc:docMk/>
          <pc:sldMk cId="1508270735" sldId="2147479505"/>
        </pc:sldMkLst>
        <pc:spChg chg="mod">
          <ac:chgData name="Oscar Llorente Gonzalez" userId="e1d48c7f-7de1-49f5-ba88-07a54202ac7d" providerId="ADAL" clId="{2EB597FE-FE2E-47C9-86A5-2D441B3829E4}" dt="2024-02-08T10:54:41.375" v="208" actId="20577"/>
          <ac:spMkLst>
            <pc:docMk/>
            <pc:sldMk cId="1508270735" sldId="2147479505"/>
            <ac:spMk id="2" creationId="{23EA3453-944D-FAE4-DD0A-94139BBEA1D9}"/>
          </ac:spMkLst>
        </pc:spChg>
      </pc:sldChg>
      <pc:sldChg chg="ord">
        <pc:chgData name="Oscar Llorente Gonzalez" userId="e1d48c7f-7de1-49f5-ba88-07a54202ac7d" providerId="ADAL" clId="{2EB597FE-FE2E-47C9-86A5-2D441B3829E4}" dt="2024-02-08T10:53:52.313" v="150"/>
        <pc:sldMkLst>
          <pc:docMk/>
          <pc:sldMk cId="1410135881" sldId="2147479506"/>
        </pc:sldMkLst>
      </pc:sldChg>
      <pc:sldChg chg="ord">
        <pc:chgData name="Oscar Llorente Gonzalez" userId="e1d48c7f-7de1-49f5-ba88-07a54202ac7d" providerId="ADAL" clId="{2EB597FE-FE2E-47C9-86A5-2D441B3829E4}" dt="2024-02-08T10:53:59.068" v="154"/>
        <pc:sldMkLst>
          <pc:docMk/>
          <pc:sldMk cId="1288778451" sldId="2147479507"/>
        </pc:sldMkLst>
      </pc:sldChg>
      <pc:sldChg chg="ord">
        <pc:chgData name="Oscar Llorente Gonzalez" userId="e1d48c7f-7de1-49f5-ba88-07a54202ac7d" providerId="ADAL" clId="{2EB597FE-FE2E-47C9-86A5-2D441B3829E4}" dt="2024-02-08T10:54:01.489" v="158"/>
        <pc:sldMkLst>
          <pc:docMk/>
          <pc:sldMk cId="2329968910" sldId="2147479508"/>
        </pc:sldMkLst>
      </pc:sldChg>
      <pc:sldChg chg="ord">
        <pc:chgData name="Oscar Llorente Gonzalez" userId="e1d48c7f-7de1-49f5-ba88-07a54202ac7d" providerId="ADAL" clId="{2EB597FE-FE2E-47C9-86A5-2D441B3829E4}" dt="2024-02-08T10:54:00.353" v="156"/>
        <pc:sldMkLst>
          <pc:docMk/>
          <pc:sldMk cId="2427112225" sldId="2147479509"/>
        </pc:sldMkLst>
      </pc:sldChg>
      <pc:sldChg chg="del">
        <pc:chgData name="Oscar Llorente Gonzalez" userId="e1d48c7f-7de1-49f5-ba88-07a54202ac7d" providerId="ADAL" clId="{2EB597FE-FE2E-47C9-86A5-2D441B3829E4}" dt="2024-02-08T10:53:28.146" v="131" actId="47"/>
        <pc:sldMkLst>
          <pc:docMk/>
          <pc:sldMk cId="654174997" sldId="2147479768"/>
        </pc:sldMkLst>
      </pc:sldChg>
      <pc:sldChg chg="del">
        <pc:chgData name="Oscar Llorente Gonzalez" userId="e1d48c7f-7de1-49f5-ba88-07a54202ac7d" providerId="ADAL" clId="{2EB597FE-FE2E-47C9-86A5-2D441B3829E4}" dt="2024-02-08T10:53:26.624" v="129" actId="47"/>
        <pc:sldMkLst>
          <pc:docMk/>
          <pc:sldMk cId="2851781940" sldId="2147479795"/>
        </pc:sldMkLst>
      </pc:sldChg>
      <pc:sldChg chg="ord">
        <pc:chgData name="Oscar Llorente Gonzalez" userId="e1d48c7f-7de1-49f5-ba88-07a54202ac7d" providerId="ADAL" clId="{2EB597FE-FE2E-47C9-86A5-2D441B3829E4}" dt="2024-02-08T10:54:11.608" v="160"/>
        <pc:sldMkLst>
          <pc:docMk/>
          <pc:sldMk cId="2088336728" sldId="2147479796"/>
        </pc:sldMkLst>
      </pc:sldChg>
      <pc:sldMasterChg chg="addSp delSp modSp mod delSldLayout modSldLayout">
        <pc:chgData name="Oscar Llorente Gonzalez" userId="e1d48c7f-7de1-49f5-ba88-07a54202ac7d" providerId="ADAL" clId="{2EB597FE-FE2E-47C9-86A5-2D441B3829E4}" dt="2024-02-08T11:15:35.862" v="856" actId="14100"/>
        <pc:sldMasterMkLst>
          <pc:docMk/>
          <pc:sldMasterMk cId="2523064765" sldId="2147483660"/>
        </pc:sldMasterMkLst>
        <pc:spChg chg="add mod">
          <ac:chgData name="Oscar Llorente Gonzalez" userId="e1d48c7f-7de1-49f5-ba88-07a54202ac7d" providerId="ADAL" clId="{2EB597FE-FE2E-47C9-86A5-2D441B3829E4}" dt="2024-02-08T11:15:35.862" v="856" actId="14100"/>
          <ac:spMkLst>
            <pc:docMk/>
            <pc:sldMasterMk cId="2523064765" sldId="2147483660"/>
            <ac:spMk id="3" creationId="{0665815C-E6AB-667E-FD0B-272049406215}"/>
          </ac:spMkLst>
        </pc:spChg>
        <pc:spChg chg="add del mod">
          <ac:chgData name="Oscar Llorente Gonzalez" userId="e1d48c7f-7de1-49f5-ba88-07a54202ac7d" providerId="ADAL" clId="{2EB597FE-FE2E-47C9-86A5-2D441B3829E4}" dt="2024-02-08T11:00:08.417" v="444" actId="478"/>
          <ac:spMkLst>
            <pc:docMk/>
            <pc:sldMasterMk cId="2523064765" sldId="2147483660"/>
            <ac:spMk id="3" creationId="{09012E2B-7DCF-CCE4-99AD-75F3525E5BFE}"/>
          </ac:spMkLst>
        </pc:spChg>
        <pc:spChg chg="add del mod">
          <ac:chgData name="Oscar Llorente Gonzalez" userId="e1d48c7f-7de1-49f5-ba88-07a54202ac7d" providerId="ADAL" clId="{2EB597FE-FE2E-47C9-86A5-2D441B3829E4}" dt="2024-02-08T11:04:16.494" v="520"/>
          <ac:spMkLst>
            <pc:docMk/>
            <pc:sldMasterMk cId="2523064765" sldId="2147483660"/>
            <ac:spMk id="3" creationId="{1F44DDDC-B856-6C28-32E8-9732B1EFAB48}"/>
          </ac:spMkLst>
        </pc:spChg>
        <pc:spChg chg="add del mod">
          <ac:chgData name="Oscar Llorente Gonzalez" userId="e1d48c7f-7de1-49f5-ba88-07a54202ac7d" providerId="ADAL" clId="{2EB597FE-FE2E-47C9-86A5-2D441B3829E4}" dt="2024-02-08T11:08:50.105" v="714" actId="478"/>
          <ac:spMkLst>
            <pc:docMk/>
            <pc:sldMasterMk cId="2523064765" sldId="2147483660"/>
            <ac:spMk id="4" creationId="{D5443715-10AD-28C7-DEA3-A858534F7150}"/>
          </ac:spMkLst>
        </pc:spChg>
        <pc:sldLayoutChg chg="delSp modSp mod">
          <pc:chgData name="Oscar Llorente Gonzalez" userId="e1d48c7f-7de1-49f5-ba88-07a54202ac7d" providerId="ADAL" clId="{2EB597FE-FE2E-47C9-86A5-2D441B3829E4}" dt="2024-02-08T11:00:49.917" v="448" actId="478"/>
          <pc:sldLayoutMkLst>
            <pc:docMk/>
            <pc:sldMasterMk cId="2523064765" sldId="2147483660"/>
            <pc:sldLayoutMk cId="675883818" sldId="2147483675"/>
          </pc:sldLayoutMkLst>
          <pc:spChg chg="del mod">
            <ac:chgData name="Oscar Llorente Gonzalez" userId="e1d48c7f-7de1-49f5-ba88-07a54202ac7d" providerId="ADAL" clId="{2EB597FE-FE2E-47C9-86A5-2D441B3829E4}" dt="2024-02-08T11:00:49.917" v="448" actId="478"/>
            <ac:spMkLst>
              <pc:docMk/>
              <pc:sldMasterMk cId="2523064765" sldId="2147483660"/>
              <pc:sldLayoutMk cId="675883818" sldId="2147483675"/>
              <ac:spMk id="8" creationId="{53797230-5A6C-4718-8C90-CB9F2709B382}"/>
            </ac:spMkLst>
          </pc:spChg>
        </pc:sldLayoutChg>
        <pc:sldLayoutChg chg="modSp mod">
          <pc:chgData name="Oscar Llorente Gonzalez" userId="e1d48c7f-7de1-49f5-ba88-07a54202ac7d" providerId="ADAL" clId="{2EB597FE-FE2E-47C9-86A5-2D441B3829E4}" dt="2024-02-08T11:09:53.494" v="718" actId="20577"/>
          <pc:sldLayoutMkLst>
            <pc:docMk/>
            <pc:sldMasterMk cId="2523064765" sldId="2147483660"/>
            <pc:sldLayoutMk cId="2275899235" sldId="2147483678"/>
          </pc:sldLayoutMkLst>
          <pc:spChg chg="mod">
            <ac:chgData name="Oscar Llorente Gonzalez" userId="e1d48c7f-7de1-49f5-ba88-07a54202ac7d" providerId="ADAL" clId="{2EB597FE-FE2E-47C9-86A5-2D441B3829E4}" dt="2024-02-08T11:09:53.494" v="718" actId="20577"/>
            <ac:spMkLst>
              <pc:docMk/>
              <pc:sldMasterMk cId="2523064765" sldId="2147483660"/>
              <pc:sldLayoutMk cId="2275899235" sldId="2147483678"/>
              <ac:spMk id="11" creationId="{A55C34B4-681E-4FDA-A9BB-6BC31D94C8D6}"/>
            </ac:spMkLst>
          </pc:spChg>
        </pc:sldLayoutChg>
        <pc:sldLayoutChg chg="modSp mod">
          <pc:chgData name="Oscar Llorente Gonzalez" userId="e1d48c7f-7de1-49f5-ba88-07a54202ac7d" providerId="ADAL" clId="{2EB597FE-FE2E-47C9-86A5-2D441B3829E4}" dt="2024-02-08T11:09:53.513" v="726" actId="20577"/>
          <pc:sldLayoutMkLst>
            <pc:docMk/>
            <pc:sldMasterMk cId="2523064765" sldId="2147483660"/>
            <pc:sldLayoutMk cId="1436988196" sldId="2147483681"/>
          </pc:sldLayoutMkLst>
          <pc:spChg chg="mod">
            <ac:chgData name="Oscar Llorente Gonzalez" userId="e1d48c7f-7de1-49f5-ba88-07a54202ac7d" providerId="ADAL" clId="{2EB597FE-FE2E-47C9-86A5-2D441B3829E4}" dt="2024-02-08T11:09:53.513" v="726" actId="20577"/>
            <ac:spMkLst>
              <pc:docMk/>
              <pc:sldMasterMk cId="2523064765" sldId="2147483660"/>
              <pc:sldLayoutMk cId="1436988196" sldId="2147483681"/>
              <ac:spMk id="14" creationId="{089CBEB5-348B-49F3-8F8B-FDEE08950E37}"/>
            </ac:spMkLst>
          </pc:spChg>
        </pc:sldLayoutChg>
        <pc:sldLayoutChg chg="modSp mod">
          <pc:chgData name="Oscar Llorente Gonzalez" userId="e1d48c7f-7de1-49f5-ba88-07a54202ac7d" providerId="ADAL" clId="{2EB597FE-FE2E-47C9-86A5-2D441B3829E4}" dt="2024-02-08T11:09:53.497" v="722" actId="20577"/>
          <pc:sldLayoutMkLst>
            <pc:docMk/>
            <pc:sldMasterMk cId="2523064765" sldId="2147483660"/>
            <pc:sldLayoutMk cId="2548612008" sldId="2147483690"/>
          </pc:sldLayoutMkLst>
          <pc:spChg chg="mod">
            <ac:chgData name="Oscar Llorente Gonzalez" userId="e1d48c7f-7de1-49f5-ba88-07a54202ac7d" providerId="ADAL" clId="{2EB597FE-FE2E-47C9-86A5-2D441B3829E4}" dt="2024-02-08T11:09:53.497" v="722" actId="20577"/>
            <ac:spMkLst>
              <pc:docMk/>
              <pc:sldMasterMk cId="2523064765" sldId="2147483660"/>
              <pc:sldLayoutMk cId="2548612008" sldId="2147483690"/>
              <ac:spMk id="10" creationId="{549048C1-340D-44C4-857B-1B201EC9A7E7}"/>
            </ac:spMkLst>
          </pc:spChg>
        </pc:sldLayoutChg>
        <pc:sldLayoutChg chg="delSp modSp mod">
          <pc:chgData name="Oscar Llorente Gonzalez" userId="e1d48c7f-7de1-49f5-ba88-07a54202ac7d" providerId="ADAL" clId="{2EB597FE-FE2E-47C9-86A5-2D441B3829E4}" dt="2024-02-08T11:00:52.123" v="449" actId="478"/>
          <pc:sldLayoutMkLst>
            <pc:docMk/>
            <pc:sldMasterMk cId="2523064765" sldId="2147483660"/>
            <pc:sldLayoutMk cId="3545725332" sldId="2147483696"/>
          </pc:sldLayoutMkLst>
          <pc:spChg chg="del mod">
            <ac:chgData name="Oscar Llorente Gonzalez" userId="e1d48c7f-7de1-49f5-ba88-07a54202ac7d" providerId="ADAL" clId="{2EB597FE-FE2E-47C9-86A5-2D441B3829E4}" dt="2024-02-08T11:00:52.123" v="449" actId="478"/>
            <ac:spMkLst>
              <pc:docMk/>
              <pc:sldMasterMk cId="2523064765" sldId="2147483660"/>
              <pc:sldLayoutMk cId="3545725332" sldId="2147483696"/>
              <ac:spMk id="9" creationId="{2C8570FA-FAA3-4EFA-A4F1-01C285AE39DE}"/>
            </ac:spMkLst>
          </pc:spChg>
        </pc:sldLayoutChg>
        <pc:sldLayoutChg chg="delSp modSp mod">
          <pc:chgData name="Oscar Llorente Gonzalez" userId="e1d48c7f-7de1-49f5-ba88-07a54202ac7d" providerId="ADAL" clId="{2EB597FE-FE2E-47C9-86A5-2D441B3829E4}" dt="2024-02-08T11:00:41.859" v="446" actId="478"/>
          <pc:sldLayoutMkLst>
            <pc:docMk/>
            <pc:sldMasterMk cId="2523064765" sldId="2147483660"/>
            <pc:sldLayoutMk cId="395415313" sldId="2147483707"/>
          </pc:sldLayoutMkLst>
          <pc:spChg chg="del mod">
            <ac:chgData name="Oscar Llorente Gonzalez" userId="e1d48c7f-7de1-49f5-ba88-07a54202ac7d" providerId="ADAL" clId="{2EB597FE-FE2E-47C9-86A5-2D441B3829E4}" dt="2024-02-08T11:00:41.859" v="446" actId="478"/>
            <ac:spMkLst>
              <pc:docMk/>
              <pc:sldMasterMk cId="2523064765" sldId="2147483660"/>
              <pc:sldLayoutMk cId="395415313" sldId="2147483707"/>
              <ac:spMk id="3" creationId="{0CDCA974-97F4-E46C-64E9-AFF9636E50D8}"/>
            </ac:spMkLst>
          </pc:spChg>
        </pc:sldLayoutChg>
        <pc:sldLayoutChg chg="delSp modSp mod">
          <pc:chgData name="Oscar Llorente Gonzalez" userId="e1d48c7f-7de1-49f5-ba88-07a54202ac7d" providerId="ADAL" clId="{2EB597FE-FE2E-47C9-86A5-2D441B3829E4}" dt="2024-02-08T11:00:45.445" v="447" actId="478"/>
          <pc:sldLayoutMkLst>
            <pc:docMk/>
            <pc:sldMasterMk cId="2523064765" sldId="2147483660"/>
            <pc:sldLayoutMk cId="3084474769" sldId="2147483709"/>
          </pc:sldLayoutMkLst>
          <pc:spChg chg="del mod">
            <ac:chgData name="Oscar Llorente Gonzalez" userId="e1d48c7f-7de1-49f5-ba88-07a54202ac7d" providerId="ADAL" clId="{2EB597FE-FE2E-47C9-86A5-2D441B3829E4}" dt="2024-02-08T11:00:45.445" v="447" actId="478"/>
            <ac:spMkLst>
              <pc:docMk/>
              <pc:sldMasterMk cId="2523064765" sldId="2147483660"/>
              <pc:sldLayoutMk cId="3084474769" sldId="2147483709"/>
              <ac:spMk id="5" creationId="{203FD5EF-20DB-46AB-B412-DF9112353719}"/>
            </ac:spMkLst>
          </pc:spChg>
        </pc:sldLayoutChg>
        <pc:sldLayoutChg chg="del">
          <pc:chgData name="Oscar Llorente Gonzalez" userId="e1d48c7f-7de1-49f5-ba88-07a54202ac7d" providerId="ADAL" clId="{2EB597FE-FE2E-47C9-86A5-2D441B3829E4}" dt="2024-02-08T10:53:28.146" v="131" actId="47"/>
          <pc:sldLayoutMkLst>
            <pc:docMk/>
            <pc:sldMasterMk cId="2523064765" sldId="2147483660"/>
            <pc:sldLayoutMk cId="2926417899" sldId="2147483873"/>
          </pc:sldLayoutMkLst>
        </pc:sldLayoutChg>
      </pc:sldMasterChg>
      <pc:sldMasterChg chg="delSp modSp mod delSldLayout modSldLayout">
        <pc:chgData name="Oscar Llorente Gonzalez" userId="e1d48c7f-7de1-49f5-ba88-07a54202ac7d" providerId="ADAL" clId="{2EB597FE-FE2E-47C9-86A5-2D441B3829E4}" dt="2024-02-08T11:09:53.542" v="730" actId="20577"/>
        <pc:sldMasterMkLst>
          <pc:docMk/>
          <pc:sldMasterMk cId="4061182373" sldId="2147483765"/>
        </pc:sldMasterMkLst>
        <pc:spChg chg="del mod">
          <ac:chgData name="Oscar Llorente Gonzalez" userId="e1d48c7f-7de1-49f5-ba88-07a54202ac7d" providerId="ADAL" clId="{2EB597FE-FE2E-47C9-86A5-2D441B3829E4}" dt="2024-02-08T11:00:20.273" v="445" actId="478"/>
          <ac:spMkLst>
            <pc:docMk/>
            <pc:sldMasterMk cId="4061182373" sldId="2147483765"/>
            <ac:spMk id="3" creationId="{E3471590-ED9A-9FA7-2BE4-D0B96AD628B1}"/>
          </ac:spMkLst>
        </pc:spChg>
        <pc:sldLayoutChg chg="addSp delSp modSp mod">
          <pc:chgData name="Oscar Llorente Gonzalez" userId="e1d48c7f-7de1-49f5-ba88-07a54202ac7d" providerId="ADAL" clId="{2EB597FE-FE2E-47C9-86A5-2D441B3829E4}" dt="2024-02-08T11:01:20.507" v="455" actId="478"/>
          <pc:sldLayoutMkLst>
            <pc:docMk/>
            <pc:sldMasterMk cId="4061182373" sldId="2147483765"/>
            <pc:sldLayoutMk cId="2458328145" sldId="2147483775"/>
          </pc:sldLayoutMkLst>
          <pc:spChg chg="del mod">
            <ac:chgData name="Oscar Llorente Gonzalez" userId="e1d48c7f-7de1-49f5-ba88-07a54202ac7d" providerId="ADAL" clId="{2EB597FE-FE2E-47C9-86A5-2D441B3829E4}" dt="2024-02-08T11:01:20.507" v="455" actId="478"/>
            <ac:spMkLst>
              <pc:docMk/>
              <pc:sldMasterMk cId="4061182373" sldId="2147483765"/>
              <pc:sldLayoutMk cId="2458328145" sldId="2147483775"/>
              <ac:spMk id="3" creationId="{B37BE219-A728-B744-8597-25C7895C902E}"/>
            </ac:spMkLst>
          </pc:spChg>
          <pc:picChg chg="add del">
            <ac:chgData name="Oscar Llorente Gonzalez" userId="e1d48c7f-7de1-49f5-ba88-07a54202ac7d" providerId="ADAL" clId="{2EB597FE-FE2E-47C9-86A5-2D441B3829E4}" dt="2024-02-08T11:01:18.046" v="454" actId="478"/>
            <ac:picMkLst>
              <pc:docMk/>
              <pc:sldMasterMk cId="4061182373" sldId="2147483765"/>
              <pc:sldLayoutMk cId="2458328145" sldId="2147483775"/>
              <ac:picMk id="5" creationId="{AD74E2A4-3CE7-5AEC-F931-B2C987C7E124}"/>
            </ac:picMkLst>
          </pc:picChg>
        </pc:sldLayoutChg>
        <pc:sldLayoutChg chg="delSp modSp mod">
          <pc:chgData name="Oscar Llorente Gonzalez" userId="e1d48c7f-7de1-49f5-ba88-07a54202ac7d" providerId="ADAL" clId="{2EB597FE-FE2E-47C9-86A5-2D441B3829E4}" dt="2024-02-08T11:01:03.160" v="451" actId="478"/>
          <pc:sldLayoutMkLst>
            <pc:docMk/>
            <pc:sldMasterMk cId="4061182373" sldId="2147483765"/>
            <pc:sldLayoutMk cId="2991321209" sldId="2147483776"/>
          </pc:sldLayoutMkLst>
          <pc:spChg chg="del mod">
            <ac:chgData name="Oscar Llorente Gonzalez" userId="e1d48c7f-7de1-49f5-ba88-07a54202ac7d" providerId="ADAL" clId="{2EB597FE-FE2E-47C9-86A5-2D441B3829E4}" dt="2024-02-08T11:01:03.160" v="451" actId="478"/>
            <ac:spMkLst>
              <pc:docMk/>
              <pc:sldMasterMk cId="4061182373" sldId="2147483765"/>
              <pc:sldLayoutMk cId="2991321209" sldId="2147483776"/>
              <ac:spMk id="5" creationId="{314302EF-3256-D2FA-5C50-5D29E26F422A}"/>
            </ac:spMkLst>
          </pc:spChg>
        </pc:sldLayoutChg>
        <pc:sldLayoutChg chg="delSp modSp mod">
          <pc:chgData name="Oscar Llorente Gonzalez" userId="e1d48c7f-7de1-49f5-ba88-07a54202ac7d" providerId="ADAL" clId="{2EB597FE-FE2E-47C9-86A5-2D441B3829E4}" dt="2024-02-08T11:01:10.350" v="452" actId="478"/>
          <pc:sldLayoutMkLst>
            <pc:docMk/>
            <pc:sldMasterMk cId="4061182373" sldId="2147483765"/>
            <pc:sldLayoutMk cId="515948995" sldId="2147483777"/>
          </pc:sldLayoutMkLst>
          <pc:spChg chg="del mod">
            <ac:chgData name="Oscar Llorente Gonzalez" userId="e1d48c7f-7de1-49f5-ba88-07a54202ac7d" providerId="ADAL" clId="{2EB597FE-FE2E-47C9-86A5-2D441B3829E4}" dt="2024-02-08T11:01:10.350" v="452" actId="478"/>
            <ac:spMkLst>
              <pc:docMk/>
              <pc:sldMasterMk cId="4061182373" sldId="2147483765"/>
              <pc:sldLayoutMk cId="515948995" sldId="2147483777"/>
              <ac:spMk id="5" creationId="{1F114614-E5B1-476B-1E9E-776F57CE0894}"/>
            </ac:spMkLst>
          </pc:spChg>
        </pc:sldLayoutChg>
        <pc:sldLayoutChg chg="modSp mod">
          <pc:chgData name="Oscar Llorente Gonzalez" userId="e1d48c7f-7de1-49f5-ba88-07a54202ac7d" providerId="ADAL" clId="{2EB597FE-FE2E-47C9-86A5-2D441B3829E4}" dt="2024-02-08T11:09:53.542" v="730" actId="20577"/>
          <pc:sldLayoutMkLst>
            <pc:docMk/>
            <pc:sldMasterMk cId="4061182373" sldId="2147483765"/>
            <pc:sldLayoutMk cId="1967283423" sldId="2147483779"/>
          </pc:sldLayoutMkLst>
          <pc:spChg chg="mod">
            <ac:chgData name="Oscar Llorente Gonzalez" userId="e1d48c7f-7de1-49f5-ba88-07a54202ac7d" providerId="ADAL" clId="{2EB597FE-FE2E-47C9-86A5-2D441B3829E4}" dt="2024-02-08T11:09:53.542" v="730" actId="20577"/>
            <ac:spMkLst>
              <pc:docMk/>
              <pc:sldMasterMk cId="4061182373" sldId="2147483765"/>
              <pc:sldLayoutMk cId="1967283423" sldId="2147483779"/>
              <ac:spMk id="8" creationId="{51373698-5BAD-06D6-A158-EF539C33C7ED}"/>
            </ac:spMkLst>
          </pc:spChg>
        </pc:sldLayoutChg>
        <pc:sldLayoutChg chg="delSp modSp mod">
          <pc:chgData name="Oscar Llorente Gonzalez" userId="e1d48c7f-7de1-49f5-ba88-07a54202ac7d" providerId="ADAL" clId="{2EB597FE-FE2E-47C9-86A5-2D441B3829E4}" dt="2024-02-08T11:01:26.785" v="456" actId="478"/>
          <pc:sldLayoutMkLst>
            <pc:docMk/>
            <pc:sldMasterMk cId="4061182373" sldId="2147483765"/>
            <pc:sldLayoutMk cId="1092349489" sldId="2147483782"/>
          </pc:sldLayoutMkLst>
          <pc:spChg chg="del mod">
            <ac:chgData name="Oscar Llorente Gonzalez" userId="e1d48c7f-7de1-49f5-ba88-07a54202ac7d" providerId="ADAL" clId="{2EB597FE-FE2E-47C9-86A5-2D441B3829E4}" dt="2024-02-08T11:01:26.785" v="456" actId="478"/>
            <ac:spMkLst>
              <pc:docMk/>
              <pc:sldMasterMk cId="4061182373" sldId="2147483765"/>
              <pc:sldLayoutMk cId="1092349489" sldId="2147483782"/>
              <ac:spMk id="3" creationId="{22DEDE2C-83D6-5EB2-DB57-1B38A95E15EC}"/>
            </ac:spMkLst>
          </pc:spChg>
        </pc:sldLayoutChg>
        <pc:sldLayoutChg chg="delSp modSp mod">
          <pc:chgData name="Oscar Llorente Gonzalez" userId="e1d48c7f-7de1-49f5-ba88-07a54202ac7d" providerId="ADAL" clId="{2EB597FE-FE2E-47C9-86A5-2D441B3829E4}" dt="2024-02-08T11:01:41.259" v="457" actId="478"/>
          <pc:sldLayoutMkLst>
            <pc:docMk/>
            <pc:sldMasterMk cId="4061182373" sldId="2147483765"/>
            <pc:sldLayoutMk cId="3518373976" sldId="2147483801"/>
          </pc:sldLayoutMkLst>
          <pc:spChg chg="del mod">
            <ac:chgData name="Oscar Llorente Gonzalez" userId="e1d48c7f-7de1-49f5-ba88-07a54202ac7d" providerId="ADAL" clId="{2EB597FE-FE2E-47C9-86A5-2D441B3829E4}" dt="2024-02-08T11:01:41.259" v="457" actId="478"/>
            <ac:spMkLst>
              <pc:docMk/>
              <pc:sldMasterMk cId="4061182373" sldId="2147483765"/>
              <pc:sldLayoutMk cId="3518373976" sldId="2147483801"/>
              <ac:spMk id="5" creationId="{8A859F72-32B2-47EB-8CB5-BCF639CDADF5}"/>
            </ac:spMkLst>
          </pc:spChg>
        </pc:sldLayoutChg>
        <pc:sldLayoutChg chg="delSp modSp mod">
          <pc:chgData name="Oscar Llorente Gonzalez" userId="e1d48c7f-7de1-49f5-ba88-07a54202ac7d" providerId="ADAL" clId="{2EB597FE-FE2E-47C9-86A5-2D441B3829E4}" dt="2024-02-08T11:01:47.218" v="458" actId="478"/>
          <pc:sldLayoutMkLst>
            <pc:docMk/>
            <pc:sldMasterMk cId="4061182373" sldId="2147483765"/>
            <pc:sldLayoutMk cId="1623742912" sldId="2147483802"/>
          </pc:sldLayoutMkLst>
          <pc:spChg chg="del mod">
            <ac:chgData name="Oscar Llorente Gonzalez" userId="e1d48c7f-7de1-49f5-ba88-07a54202ac7d" providerId="ADAL" clId="{2EB597FE-FE2E-47C9-86A5-2D441B3829E4}" dt="2024-02-08T11:01:47.218" v="458" actId="478"/>
            <ac:spMkLst>
              <pc:docMk/>
              <pc:sldMasterMk cId="4061182373" sldId="2147483765"/>
              <pc:sldLayoutMk cId="1623742912" sldId="2147483802"/>
              <ac:spMk id="3" creationId="{C44ECCE6-4D94-443E-8C20-CA233A5C0572}"/>
            </ac:spMkLst>
          </pc:spChg>
        </pc:sldLayoutChg>
        <pc:sldLayoutChg chg="modSp del mod">
          <pc:chgData name="Oscar Llorente Gonzalez" userId="e1d48c7f-7de1-49f5-ba88-07a54202ac7d" providerId="ADAL" clId="{2EB597FE-FE2E-47C9-86A5-2D441B3829E4}" dt="2024-02-08T11:01:57.988" v="459" actId="2696"/>
          <pc:sldLayoutMkLst>
            <pc:docMk/>
            <pc:sldMasterMk cId="4061182373" sldId="2147483765"/>
            <pc:sldLayoutMk cId="1461235300" sldId="2147483821"/>
          </pc:sldLayoutMkLst>
          <pc:spChg chg="mod">
            <ac:chgData name="Oscar Llorente Gonzalez" userId="e1d48c7f-7de1-49f5-ba88-07a54202ac7d" providerId="ADAL" clId="{2EB597FE-FE2E-47C9-86A5-2D441B3829E4}" dt="2024-02-08T10:58:26.381" v="382" actId="20577"/>
            <ac:spMkLst>
              <pc:docMk/>
              <pc:sldMasterMk cId="4061182373" sldId="2147483765"/>
              <pc:sldLayoutMk cId="1461235300" sldId="2147483821"/>
              <ac:spMk id="3" creationId="{C44ECCE6-4D94-443E-8C20-CA233A5C0572}"/>
            </ac:spMkLst>
          </pc:spChg>
        </pc:sldLayoutChg>
        <pc:sldLayoutChg chg="modSp del mod">
          <pc:chgData name="Oscar Llorente Gonzalez" userId="e1d48c7f-7de1-49f5-ba88-07a54202ac7d" providerId="ADAL" clId="{2EB597FE-FE2E-47C9-86A5-2D441B3829E4}" dt="2024-02-08T11:02:00.234" v="460" actId="2696"/>
          <pc:sldLayoutMkLst>
            <pc:docMk/>
            <pc:sldMasterMk cId="4061182373" sldId="2147483765"/>
            <pc:sldLayoutMk cId="2881847180" sldId="2147483822"/>
          </pc:sldLayoutMkLst>
          <pc:spChg chg="mod">
            <ac:chgData name="Oscar Llorente Gonzalez" userId="e1d48c7f-7de1-49f5-ba88-07a54202ac7d" providerId="ADAL" clId="{2EB597FE-FE2E-47C9-86A5-2D441B3829E4}" dt="2024-02-08T10:58:26.384" v="386" actId="20577"/>
            <ac:spMkLst>
              <pc:docMk/>
              <pc:sldMasterMk cId="4061182373" sldId="2147483765"/>
              <pc:sldLayoutMk cId="2881847180" sldId="2147483822"/>
              <ac:spMk id="9" creationId="{72C1EE1F-EF94-4EBA-A010-8BC3D2F38C39}"/>
            </ac:spMkLst>
          </pc:spChg>
        </pc:sldLayoutChg>
        <pc:sldLayoutChg chg="modSp del mod">
          <pc:chgData name="Oscar Llorente Gonzalez" userId="e1d48c7f-7de1-49f5-ba88-07a54202ac7d" providerId="ADAL" clId="{2EB597FE-FE2E-47C9-86A5-2D441B3829E4}" dt="2024-02-08T11:02:02.921" v="461" actId="2696"/>
          <pc:sldLayoutMkLst>
            <pc:docMk/>
            <pc:sldMasterMk cId="4061182373" sldId="2147483765"/>
            <pc:sldLayoutMk cId="19749786" sldId="2147483823"/>
          </pc:sldLayoutMkLst>
          <pc:spChg chg="mod">
            <ac:chgData name="Oscar Llorente Gonzalez" userId="e1d48c7f-7de1-49f5-ba88-07a54202ac7d" providerId="ADAL" clId="{2EB597FE-FE2E-47C9-86A5-2D441B3829E4}" dt="2024-02-08T10:58:26.396" v="390" actId="20577"/>
            <ac:spMkLst>
              <pc:docMk/>
              <pc:sldMasterMk cId="4061182373" sldId="2147483765"/>
              <pc:sldLayoutMk cId="19749786" sldId="2147483823"/>
              <ac:spMk id="5" creationId="{203FD5EF-20DB-46AB-B412-DF9112353719}"/>
            </ac:spMkLst>
          </pc:spChg>
        </pc:sldLayoutChg>
        <pc:sldLayoutChg chg="modSp del mod">
          <pc:chgData name="Oscar Llorente Gonzalez" userId="e1d48c7f-7de1-49f5-ba88-07a54202ac7d" providerId="ADAL" clId="{2EB597FE-FE2E-47C9-86A5-2D441B3829E4}" dt="2024-02-08T11:02:11.557" v="462" actId="2696"/>
          <pc:sldLayoutMkLst>
            <pc:docMk/>
            <pc:sldMasterMk cId="4061182373" sldId="2147483765"/>
            <pc:sldLayoutMk cId="2795526763" sldId="2147483824"/>
          </pc:sldLayoutMkLst>
          <pc:spChg chg="mod">
            <ac:chgData name="Oscar Llorente Gonzalez" userId="e1d48c7f-7de1-49f5-ba88-07a54202ac7d" providerId="ADAL" clId="{2EB597FE-FE2E-47C9-86A5-2D441B3829E4}" dt="2024-02-08T10:58:26.396" v="394" actId="20577"/>
            <ac:spMkLst>
              <pc:docMk/>
              <pc:sldMasterMk cId="4061182373" sldId="2147483765"/>
              <pc:sldLayoutMk cId="2795526763" sldId="2147483824"/>
              <ac:spMk id="3" creationId="{C44ECCE6-4D94-443E-8C20-CA233A5C0572}"/>
            </ac:spMkLst>
          </pc:spChg>
        </pc:sldLayoutChg>
        <pc:sldLayoutChg chg="modSp del mod">
          <pc:chgData name="Oscar Llorente Gonzalez" userId="e1d48c7f-7de1-49f5-ba88-07a54202ac7d" providerId="ADAL" clId="{2EB597FE-FE2E-47C9-86A5-2D441B3829E4}" dt="2024-02-08T11:02:13.535" v="463" actId="2696"/>
          <pc:sldLayoutMkLst>
            <pc:docMk/>
            <pc:sldMasterMk cId="4061182373" sldId="2147483765"/>
            <pc:sldLayoutMk cId="186073884" sldId="2147483825"/>
          </pc:sldLayoutMkLst>
          <pc:spChg chg="mod">
            <ac:chgData name="Oscar Llorente Gonzalez" userId="e1d48c7f-7de1-49f5-ba88-07a54202ac7d" providerId="ADAL" clId="{2EB597FE-FE2E-47C9-86A5-2D441B3829E4}" dt="2024-02-08T10:58:26.412" v="398" actId="20577"/>
            <ac:spMkLst>
              <pc:docMk/>
              <pc:sldMasterMk cId="4061182373" sldId="2147483765"/>
              <pc:sldLayoutMk cId="186073884" sldId="2147483825"/>
              <ac:spMk id="8" creationId="{C2AD0284-E6BA-49D8-AB3F-D94DBB1D54F0}"/>
            </ac:spMkLst>
          </pc:spChg>
        </pc:sldLayoutChg>
        <pc:sldLayoutChg chg="modSp del mod">
          <pc:chgData name="Oscar Llorente Gonzalez" userId="e1d48c7f-7de1-49f5-ba88-07a54202ac7d" providerId="ADAL" clId="{2EB597FE-FE2E-47C9-86A5-2D441B3829E4}" dt="2024-02-08T11:02:14.946" v="464" actId="2696"/>
          <pc:sldLayoutMkLst>
            <pc:docMk/>
            <pc:sldMasterMk cId="4061182373" sldId="2147483765"/>
            <pc:sldLayoutMk cId="3364640623" sldId="2147483826"/>
          </pc:sldLayoutMkLst>
          <pc:spChg chg="mod">
            <ac:chgData name="Oscar Llorente Gonzalez" userId="e1d48c7f-7de1-49f5-ba88-07a54202ac7d" providerId="ADAL" clId="{2EB597FE-FE2E-47C9-86A5-2D441B3829E4}" dt="2024-02-08T10:58:26.430" v="402" actId="20577"/>
            <ac:spMkLst>
              <pc:docMk/>
              <pc:sldMasterMk cId="4061182373" sldId="2147483765"/>
              <pc:sldLayoutMk cId="3364640623" sldId="2147483826"/>
              <ac:spMk id="7" creationId="{DB8BC610-C1B0-4C6A-B5C2-80DA487CE5DE}"/>
            </ac:spMkLst>
          </pc:spChg>
        </pc:sldLayoutChg>
        <pc:sldLayoutChg chg="modSp del mod">
          <pc:chgData name="Oscar Llorente Gonzalez" userId="e1d48c7f-7de1-49f5-ba88-07a54202ac7d" providerId="ADAL" clId="{2EB597FE-FE2E-47C9-86A5-2D441B3829E4}" dt="2024-02-08T11:02:26.048" v="472" actId="2696"/>
          <pc:sldLayoutMkLst>
            <pc:docMk/>
            <pc:sldMasterMk cId="4061182373" sldId="2147483765"/>
            <pc:sldLayoutMk cId="442173529" sldId="2147483827"/>
          </pc:sldLayoutMkLst>
          <pc:spChg chg="mod">
            <ac:chgData name="Oscar Llorente Gonzalez" userId="e1d48c7f-7de1-49f5-ba88-07a54202ac7d" providerId="ADAL" clId="{2EB597FE-FE2E-47C9-86A5-2D441B3829E4}" dt="2024-02-08T10:58:26.442" v="406" actId="20577"/>
            <ac:spMkLst>
              <pc:docMk/>
              <pc:sldMasterMk cId="4061182373" sldId="2147483765"/>
              <pc:sldLayoutMk cId="442173529" sldId="2147483827"/>
              <ac:spMk id="8" creationId="{53797230-5A6C-4718-8C90-CB9F2709B382}"/>
            </ac:spMkLst>
          </pc:spChg>
        </pc:sldLayoutChg>
        <pc:sldLayoutChg chg="modSp del mod">
          <pc:chgData name="Oscar Llorente Gonzalez" userId="e1d48c7f-7de1-49f5-ba88-07a54202ac7d" providerId="ADAL" clId="{2EB597FE-FE2E-47C9-86A5-2D441B3829E4}" dt="2024-02-08T11:02:24.526" v="471" actId="2696"/>
          <pc:sldLayoutMkLst>
            <pc:docMk/>
            <pc:sldMasterMk cId="4061182373" sldId="2147483765"/>
            <pc:sldLayoutMk cId="3245256019" sldId="2147483828"/>
          </pc:sldLayoutMkLst>
          <pc:spChg chg="mod">
            <ac:chgData name="Oscar Llorente Gonzalez" userId="e1d48c7f-7de1-49f5-ba88-07a54202ac7d" providerId="ADAL" clId="{2EB597FE-FE2E-47C9-86A5-2D441B3829E4}" dt="2024-02-08T10:58:26.449" v="410" actId="20577"/>
            <ac:spMkLst>
              <pc:docMk/>
              <pc:sldMasterMk cId="4061182373" sldId="2147483765"/>
              <pc:sldLayoutMk cId="3245256019" sldId="2147483828"/>
              <ac:spMk id="9" creationId="{2C8570FA-FAA3-4EFA-A4F1-01C285AE39DE}"/>
            </ac:spMkLst>
          </pc:spChg>
        </pc:sldLayoutChg>
        <pc:sldLayoutChg chg="modSp del mod">
          <pc:chgData name="Oscar Llorente Gonzalez" userId="e1d48c7f-7de1-49f5-ba88-07a54202ac7d" providerId="ADAL" clId="{2EB597FE-FE2E-47C9-86A5-2D441B3829E4}" dt="2024-02-08T11:02:21.486" v="468" actId="2696"/>
          <pc:sldLayoutMkLst>
            <pc:docMk/>
            <pc:sldMasterMk cId="4061182373" sldId="2147483765"/>
            <pc:sldLayoutMk cId="740314404" sldId="2147483829"/>
          </pc:sldLayoutMkLst>
          <pc:spChg chg="mod">
            <ac:chgData name="Oscar Llorente Gonzalez" userId="e1d48c7f-7de1-49f5-ba88-07a54202ac7d" providerId="ADAL" clId="{2EB597FE-FE2E-47C9-86A5-2D441B3829E4}" dt="2024-02-08T10:58:26.463" v="414" actId="20577"/>
            <ac:spMkLst>
              <pc:docMk/>
              <pc:sldMasterMk cId="4061182373" sldId="2147483765"/>
              <pc:sldLayoutMk cId="740314404" sldId="2147483829"/>
              <ac:spMk id="11" creationId="{A55C34B4-681E-4FDA-A9BB-6BC31D94C8D6}"/>
            </ac:spMkLst>
          </pc:spChg>
        </pc:sldLayoutChg>
        <pc:sldLayoutChg chg="modSp del mod">
          <pc:chgData name="Oscar Llorente Gonzalez" userId="e1d48c7f-7de1-49f5-ba88-07a54202ac7d" providerId="ADAL" clId="{2EB597FE-FE2E-47C9-86A5-2D441B3829E4}" dt="2024-02-08T11:02:23.605" v="470" actId="2696"/>
          <pc:sldLayoutMkLst>
            <pc:docMk/>
            <pc:sldMasterMk cId="4061182373" sldId="2147483765"/>
            <pc:sldLayoutMk cId="3035770219" sldId="2147483830"/>
          </pc:sldLayoutMkLst>
          <pc:spChg chg="mod">
            <ac:chgData name="Oscar Llorente Gonzalez" userId="e1d48c7f-7de1-49f5-ba88-07a54202ac7d" providerId="ADAL" clId="{2EB597FE-FE2E-47C9-86A5-2D441B3829E4}" dt="2024-02-08T10:58:26.479" v="418" actId="20577"/>
            <ac:spMkLst>
              <pc:docMk/>
              <pc:sldMasterMk cId="4061182373" sldId="2147483765"/>
              <pc:sldLayoutMk cId="3035770219" sldId="2147483830"/>
              <ac:spMk id="10" creationId="{549048C1-340D-44C4-857B-1B201EC9A7E7}"/>
            </ac:spMkLst>
          </pc:spChg>
        </pc:sldLayoutChg>
        <pc:sldLayoutChg chg="modSp del mod">
          <pc:chgData name="Oscar Llorente Gonzalez" userId="e1d48c7f-7de1-49f5-ba88-07a54202ac7d" providerId="ADAL" clId="{2EB597FE-FE2E-47C9-86A5-2D441B3829E4}" dt="2024-02-08T11:02:22.514" v="469" actId="2696"/>
          <pc:sldLayoutMkLst>
            <pc:docMk/>
            <pc:sldMasterMk cId="4061182373" sldId="2147483765"/>
            <pc:sldLayoutMk cId="2372352142" sldId="2147483831"/>
          </pc:sldLayoutMkLst>
          <pc:spChg chg="mod">
            <ac:chgData name="Oscar Llorente Gonzalez" userId="e1d48c7f-7de1-49f5-ba88-07a54202ac7d" providerId="ADAL" clId="{2EB597FE-FE2E-47C9-86A5-2D441B3829E4}" dt="2024-02-08T10:58:26.479" v="422" actId="20577"/>
            <ac:spMkLst>
              <pc:docMk/>
              <pc:sldMasterMk cId="4061182373" sldId="2147483765"/>
              <pc:sldLayoutMk cId="2372352142" sldId="2147483831"/>
              <ac:spMk id="14" creationId="{089CBEB5-348B-49F3-8F8B-FDEE08950E37}"/>
            </ac:spMkLst>
          </pc:spChg>
        </pc:sldLayoutChg>
        <pc:sldLayoutChg chg="modSp del mod">
          <pc:chgData name="Oscar Llorente Gonzalez" userId="e1d48c7f-7de1-49f5-ba88-07a54202ac7d" providerId="ADAL" clId="{2EB597FE-FE2E-47C9-86A5-2D441B3829E4}" dt="2024-02-08T11:02:17.367" v="465" actId="2696"/>
          <pc:sldLayoutMkLst>
            <pc:docMk/>
            <pc:sldMasterMk cId="4061182373" sldId="2147483765"/>
            <pc:sldLayoutMk cId="980170257" sldId="2147483832"/>
          </pc:sldLayoutMkLst>
          <pc:spChg chg="mod">
            <ac:chgData name="Oscar Llorente Gonzalez" userId="e1d48c7f-7de1-49f5-ba88-07a54202ac7d" providerId="ADAL" clId="{2EB597FE-FE2E-47C9-86A5-2D441B3829E4}" dt="2024-02-08T10:58:26.500" v="426" actId="20577"/>
            <ac:spMkLst>
              <pc:docMk/>
              <pc:sldMasterMk cId="4061182373" sldId="2147483765"/>
              <pc:sldLayoutMk cId="980170257" sldId="2147483832"/>
              <ac:spMk id="5" creationId="{8A859F72-32B2-47EB-8CB5-BCF639CDADF5}"/>
            </ac:spMkLst>
          </pc:spChg>
        </pc:sldLayoutChg>
        <pc:sldLayoutChg chg="del">
          <pc:chgData name="Oscar Llorente Gonzalez" userId="e1d48c7f-7de1-49f5-ba88-07a54202ac7d" providerId="ADAL" clId="{2EB597FE-FE2E-47C9-86A5-2D441B3829E4}" dt="2024-02-08T11:02:17.976" v="466" actId="2696"/>
          <pc:sldLayoutMkLst>
            <pc:docMk/>
            <pc:sldMasterMk cId="4061182373" sldId="2147483765"/>
            <pc:sldLayoutMk cId="2557852971" sldId="2147483833"/>
          </pc:sldLayoutMkLst>
        </pc:sldLayoutChg>
        <pc:sldLayoutChg chg="del">
          <pc:chgData name="Oscar Llorente Gonzalez" userId="e1d48c7f-7de1-49f5-ba88-07a54202ac7d" providerId="ADAL" clId="{2EB597FE-FE2E-47C9-86A5-2D441B3829E4}" dt="2024-02-08T11:02:18.608" v="467" actId="2696"/>
          <pc:sldLayoutMkLst>
            <pc:docMk/>
            <pc:sldMasterMk cId="4061182373" sldId="2147483765"/>
            <pc:sldLayoutMk cId="1438140178" sldId="2147483834"/>
          </pc:sldLayoutMkLst>
        </pc:sldLayoutChg>
        <pc:sldLayoutChg chg="del">
          <pc:chgData name="Oscar Llorente Gonzalez" userId="e1d48c7f-7de1-49f5-ba88-07a54202ac7d" providerId="ADAL" clId="{2EB597FE-FE2E-47C9-86A5-2D441B3829E4}" dt="2024-02-08T11:02:41.638" v="501" actId="2696"/>
          <pc:sldLayoutMkLst>
            <pc:docMk/>
            <pc:sldMasterMk cId="4061182373" sldId="2147483765"/>
            <pc:sldLayoutMk cId="4103964436" sldId="2147483844"/>
          </pc:sldLayoutMkLst>
        </pc:sldLayoutChg>
        <pc:sldLayoutChg chg="modSp del mod">
          <pc:chgData name="Oscar Llorente Gonzalez" userId="e1d48c7f-7de1-49f5-ba88-07a54202ac7d" providerId="ADAL" clId="{2EB597FE-FE2E-47C9-86A5-2D441B3829E4}" dt="2024-02-08T11:02:30.968" v="473" actId="2696"/>
          <pc:sldLayoutMkLst>
            <pc:docMk/>
            <pc:sldMasterMk cId="4061182373" sldId="2147483765"/>
            <pc:sldLayoutMk cId="3249480313" sldId="2147483845"/>
          </pc:sldLayoutMkLst>
          <pc:spChg chg="mod">
            <ac:chgData name="Oscar Llorente Gonzalez" userId="e1d48c7f-7de1-49f5-ba88-07a54202ac7d" providerId="ADAL" clId="{2EB597FE-FE2E-47C9-86A5-2D441B3829E4}" dt="2024-02-08T10:58:26.530" v="430" actId="20577"/>
            <ac:spMkLst>
              <pc:docMk/>
              <pc:sldMasterMk cId="4061182373" sldId="2147483765"/>
              <pc:sldLayoutMk cId="3249480313" sldId="2147483845"/>
              <ac:spMk id="5" creationId="{8A859F72-32B2-47EB-8CB5-BCF639CDADF5}"/>
            </ac:spMkLst>
          </pc:spChg>
        </pc:sldLayoutChg>
        <pc:sldLayoutChg chg="modSp del mod">
          <pc:chgData name="Oscar Llorente Gonzalez" userId="e1d48c7f-7de1-49f5-ba88-07a54202ac7d" providerId="ADAL" clId="{2EB597FE-FE2E-47C9-86A5-2D441B3829E4}" dt="2024-02-08T11:02:31.933" v="474" actId="2696"/>
          <pc:sldLayoutMkLst>
            <pc:docMk/>
            <pc:sldMasterMk cId="4061182373" sldId="2147483765"/>
            <pc:sldLayoutMk cId="4078751501" sldId="2147483846"/>
          </pc:sldLayoutMkLst>
          <pc:spChg chg="mod">
            <ac:chgData name="Oscar Llorente Gonzalez" userId="e1d48c7f-7de1-49f5-ba88-07a54202ac7d" providerId="ADAL" clId="{2EB597FE-FE2E-47C9-86A5-2D441B3829E4}" dt="2024-02-08T10:58:26.545" v="434" actId="20577"/>
            <ac:spMkLst>
              <pc:docMk/>
              <pc:sldMasterMk cId="4061182373" sldId="2147483765"/>
              <pc:sldLayoutMk cId="4078751501" sldId="2147483846"/>
              <ac:spMk id="5" creationId="{8A859F72-32B2-47EB-8CB5-BCF639CDADF5}"/>
            </ac:spMkLst>
          </pc:spChg>
        </pc:sldLayoutChg>
        <pc:sldLayoutChg chg="modSp del mod">
          <pc:chgData name="Oscar Llorente Gonzalez" userId="e1d48c7f-7de1-49f5-ba88-07a54202ac7d" providerId="ADAL" clId="{2EB597FE-FE2E-47C9-86A5-2D441B3829E4}" dt="2024-02-08T11:02:32.749" v="475" actId="2696"/>
          <pc:sldLayoutMkLst>
            <pc:docMk/>
            <pc:sldMasterMk cId="4061182373" sldId="2147483765"/>
            <pc:sldLayoutMk cId="3981605940" sldId="2147483847"/>
          </pc:sldLayoutMkLst>
          <pc:spChg chg="mod">
            <ac:chgData name="Oscar Llorente Gonzalez" userId="e1d48c7f-7de1-49f5-ba88-07a54202ac7d" providerId="ADAL" clId="{2EB597FE-FE2E-47C9-86A5-2D441B3829E4}" dt="2024-02-08T10:58:26.546" v="438" actId="20577"/>
            <ac:spMkLst>
              <pc:docMk/>
              <pc:sldMasterMk cId="4061182373" sldId="2147483765"/>
              <pc:sldLayoutMk cId="3981605940" sldId="2147483847"/>
              <ac:spMk id="7" creationId="{8D51E95B-B5A6-40B6-97CB-5F0FE563EB1D}"/>
            </ac:spMkLst>
          </pc:spChg>
        </pc:sldLayoutChg>
        <pc:sldLayoutChg chg="del">
          <pc:chgData name="Oscar Llorente Gonzalez" userId="e1d48c7f-7de1-49f5-ba88-07a54202ac7d" providerId="ADAL" clId="{2EB597FE-FE2E-47C9-86A5-2D441B3829E4}" dt="2024-02-08T11:02:33.250" v="476" actId="2696"/>
          <pc:sldLayoutMkLst>
            <pc:docMk/>
            <pc:sldMasterMk cId="4061182373" sldId="2147483765"/>
            <pc:sldLayoutMk cId="1171644051" sldId="2147483848"/>
          </pc:sldLayoutMkLst>
        </pc:sldLayoutChg>
        <pc:sldLayoutChg chg="del">
          <pc:chgData name="Oscar Llorente Gonzalez" userId="e1d48c7f-7de1-49f5-ba88-07a54202ac7d" providerId="ADAL" clId="{2EB597FE-FE2E-47C9-86A5-2D441B3829E4}" dt="2024-02-08T11:02:33.594" v="477" actId="2696"/>
          <pc:sldLayoutMkLst>
            <pc:docMk/>
            <pc:sldMasterMk cId="4061182373" sldId="2147483765"/>
            <pc:sldLayoutMk cId="3155076956" sldId="2147483849"/>
          </pc:sldLayoutMkLst>
        </pc:sldLayoutChg>
        <pc:sldLayoutChg chg="del">
          <pc:chgData name="Oscar Llorente Gonzalez" userId="e1d48c7f-7de1-49f5-ba88-07a54202ac7d" providerId="ADAL" clId="{2EB597FE-FE2E-47C9-86A5-2D441B3829E4}" dt="2024-02-08T11:02:33.853" v="478" actId="2696"/>
          <pc:sldLayoutMkLst>
            <pc:docMk/>
            <pc:sldMasterMk cId="4061182373" sldId="2147483765"/>
            <pc:sldLayoutMk cId="516334993" sldId="2147483850"/>
          </pc:sldLayoutMkLst>
        </pc:sldLayoutChg>
        <pc:sldLayoutChg chg="del">
          <pc:chgData name="Oscar Llorente Gonzalez" userId="e1d48c7f-7de1-49f5-ba88-07a54202ac7d" providerId="ADAL" clId="{2EB597FE-FE2E-47C9-86A5-2D441B3829E4}" dt="2024-02-08T11:02:34.071" v="479" actId="2696"/>
          <pc:sldLayoutMkLst>
            <pc:docMk/>
            <pc:sldMasterMk cId="4061182373" sldId="2147483765"/>
            <pc:sldLayoutMk cId="3363984336" sldId="2147483851"/>
          </pc:sldLayoutMkLst>
        </pc:sldLayoutChg>
        <pc:sldLayoutChg chg="del">
          <pc:chgData name="Oscar Llorente Gonzalez" userId="e1d48c7f-7de1-49f5-ba88-07a54202ac7d" providerId="ADAL" clId="{2EB597FE-FE2E-47C9-86A5-2D441B3829E4}" dt="2024-02-08T11:02:34.287" v="480" actId="2696"/>
          <pc:sldLayoutMkLst>
            <pc:docMk/>
            <pc:sldMasterMk cId="4061182373" sldId="2147483765"/>
            <pc:sldLayoutMk cId="853091462" sldId="2147483852"/>
          </pc:sldLayoutMkLst>
        </pc:sldLayoutChg>
        <pc:sldLayoutChg chg="del">
          <pc:chgData name="Oscar Llorente Gonzalez" userId="e1d48c7f-7de1-49f5-ba88-07a54202ac7d" providerId="ADAL" clId="{2EB597FE-FE2E-47C9-86A5-2D441B3829E4}" dt="2024-02-08T11:02:34.502" v="481" actId="2696"/>
          <pc:sldLayoutMkLst>
            <pc:docMk/>
            <pc:sldMasterMk cId="4061182373" sldId="2147483765"/>
            <pc:sldLayoutMk cId="3856994411" sldId="2147483853"/>
          </pc:sldLayoutMkLst>
        </pc:sldLayoutChg>
        <pc:sldLayoutChg chg="del">
          <pc:chgData name="Oscar Llorente Gonzalez" userId="e1d48c7f-7de1-49f5-ba88-07a54202ac7d" providerId="ADAL" clId="{2EB597FE-FE2E-47C9-86A5-2D441B3829E4}" dt="2024-02-08T11:02:34.694" v="482" actId="2696"/>
          <pc:sldLayoutMkLst>
            <pc:docMk/>
            <pc:sldMasterMk cId="4061182373" sldId="2147483765"/>
            <pc:sldLayoutMk cId="3641836738" sldId="2147483854"/>
          </pc:sldLayoutMkLst>
        </pc:sldLayoutChg>
        <pc:sldLayoutChg chg="del">
          <pc:chgData name="Oscar Llorente Gonzalez" userId="e1d48c7f-7de1-49f5-ba88-07a54202ac7d" providerId="ADAL" clId="{2EB597FE-FE2E-47C9-86A5-2D441B3829E4}" dt="2024-02-08T11:02:34.891" v="483" actId="2696"/>
          <pc:sldLayoutMkLst>
            <pc:docMk/>
            <pc:sldMasterMk cId="4061182373" sldId="2147483765"/>
            <pc:sldLayoutMk cId="1690406819" sldId="2147483855"/>
          </pc:sldLayoutMkLst>
        </pc:sldLayoutChg>
        <pc:sldLayoutChg chg="del">
          <pc:chgData name="Oscar Llorente Gonzalez" userId="e1d48c7f-7de1-49f5-ba88-07a54202ac7d" providerId="ADAL" clId="{2EB597FE-FE2E-47C9-86A5-2D441B3829E4}" dt="2024-02-08T11:02:35.103" v="484" actId="2696"/>
          <pc:sldLayoutMkLst>
            <pc:docMk/>
            <pc:sldMasterMk cId="4061182373" sldId="2147483765"/>
            <pc:sldLayoutMk cId="3322942048" sldId="2147483856"/>
          </pc:sldLayoutMkLst>
        </pc:sldLayoutChg>
        <pc:sldLayoutChg chg="del">
          <pc:chgData name="Oscar Llorente Gonzalez" userId="e1d48c7f-7de1-49f5-ba88-07a54202ac7d" providerId="ADAL" clId="{2EB597FE-FE2E-47C9-86A5-2D441B3829E4}" dt="2024-02-08T11:02:35.298" v="485" actId="2696"/>
          <pc:sldLayoutMkLst>
            <pc:docMk/>
            <pc:sldMasterMk cId="4061182373" sldId="2147483765"/>
            <pc:sldLayoutMk cId="852776316" sldId="2147483857"/>
          </pc:sldLayoutMkLst>
        </pc:sldLayoutChg>
        <pc:sldLayoutChg chg="del">
          <pc:chgData name="Oscar Llorente Gonzalez" userId="e1d48c7f-7de1-49f5-ba88-07a54202ac7d" providerId="ADAL" clId="{2EB597FE-FE2E-47C9-86A5-2D441B3829E4}" dt="2024-02-08T11:02:35.503" v="486" actId="2696"/>
          <pc:sldLayoutMkLst>
            <pc:docMk/>
            <pc:sldMasterMk cId="4061182373" sldId="2147483765"/>
            <pc:sldLayoutMk cId="52547963" sldId="2147483858"/>
          </pc:sldLayoutMkLst>
        </pc:sldLayoutChg>
        <pc:sldLayoutChg chg="del">
          <pc:chgData name="Oscar Llorente Gonzalez" userId="e1d48c7f-7de1-49f5-ba88-07a54202ac7d" providerId="ADAL" clId="{2EB597FE-FE2E-47C9-86A5-2D441B3829E4}" dt="2024-02-08T11:02:35.697" v="487" actId="2696"/>
          <pc:sldLayoutMkLst>
            <pc:docMk/>
            <pc:sldMasterMk cId="4061182373" sldId="2147483765"/>
            <pc:sldLayoutMk cId="3040586616" sldId="2147483859"/>
          </pc:sldLayoutMkLst>
        </pc:sldLayoutChg>
        <pc:sldLayoutChg chg="del">
          <pc:chgData name="Oscar Llorente Gonzalez" userId="e1d48c7f-7de1-49f5-ba88-07a54202ac7d" providerId="ADAL" clId="{2EB597FE-FE2E-47C9-86A5-2D441B3829E4}" dt="2024-02-08T11:02:35.894" v="488" actId="2696"/>
          <pc:sldLayoutMkLst>
            <pc:docMk/>
            <pc:sldMasterMk cId="4061182373" sldId="2147483765"/>
            <pc:sldLayoutMk cId="2410126974" sldId="2147483860"/>
          </pc:sldLayoutMkLst>
        </pc:sldLayoutChg>
        <pc:sldLayoutChg chg="del">
          <pc:chgData name="Oscar Llorente Gonzalez" userId="e1d48c7f-7de1-49f5-ba88-07a54202ac7d" providerId="ADAL" clId="{2EB597FE-FE2E-47C9-86A5-2D441B3829E4}" dt="2024-02-08T11:02:36.087" v="489" actId="2696"/>
          <pc:sldLayoutMkLst>
            <pc:docMk/>
            <pc:sldMasterMk cId="4061182373" sldId="2147483765"/>
            <pc:sldLayoutMk cId="2418271629" sldId="2147483861"/>
          </pc:sldLayoutMkLst>
        </pc:sldLayoutChg>
        <pc:sldLayoutChg chg="del">
          <pc:chgData name="Oscar Llorente Gonzalez" userId="e1d48c7f-7de1-49f5-ba88-07a54202ac7d" providerId="ADAL" clId="{2EB597FE-FE2E-47C9-86A5-2D441B3829E4}" dt="2024-02-08T11:02:36.289" v="490" actId="2696"/>
          <pc:sldLayoutMkLst>
            <pc:docMk/>
            <pc:sldMasterMk cId="4061182373" sldId="2147483765"/>
            <pc:sldLayoutMk cId="2172461952" sldId="2147483862"/>
          </pc:sldLayoutMkLst>
        </pc:sldLayoutChg>
        <pc:sldLayoutChg chg="del">
          <pc:chgData name="Oscar Llorente Gonzalez" userId="e1d48c7f-7de1-49f5-ba88-07a54202ac7d" providerId="ADAL" clId="{2EB597FE-FE2E-47C9-86A5-2D441B3829E4}" dt="2024-02-08T11:02:36.526" v="491" actId="2696"/>
          <pc:sldLayoutMkLst>
            <pc:docMk/>
            <pc:sldMasterMk cId="4061182373" sldId="2147483765"/>
            <pc:sldLayoutMk cId="1470362008" sldId="2147483863"/>
          </pc:sldLayoutMkLst>
        </pc:sldLayoutChg>
        <pc:sldLayoutChg chg="del">
          <pc:chgData name="Oscar Llorente Gonzalez" userId="e1d48c7f-7de1-49f5-ba88-07a54202ac7d" providerId="ADAL" clId="{2EB597FE-FE2E-47C9-86A5-2D441B3829E4}" dt="2024-02-08T11:02:36.677" v="492" actId="2696"/>
          <pc:sldLayoutMkLst>
            <pc:docMk/>
            <pc:sldMasterMk cId="4061182373" sldId="2147483765"/>
            <pc:sldLayoutMk cId="847468963" sldId="2147483864"/>
          </pc:sldLayoutMkLst>
        </pc:sldLayoutChg>
        <pc:sldLayoutChg chg="del">
          <pc:chgData name="Oscar Llorente Gonzalez" userId="e1d48c7f-7de1-49f5-ba88-07a54202ac7d" providerId="ADAL" clId="{2EB597FE-FE2E-47C9-86A5-2D441B3829E4}" dt="2024-02-08T11:02:36.857" v="493" actId="2696"/>
          <pc:sldLayoutMkLst>
            <pc:docMk/>
            <pc:sldMasterMk cId="4061182373" sldId="2147483765"/>
            <pc:sldLayoutMk cId="1740555098" sldId="2147483865"/>
          </pc:sldLayoutMkLst>
        </pc:sldLayoutChg>
        <pc:sldLayoutChg chg="del">
          <pc:chgData name="Oscar Llorente Gonzalez" userId="e1d48c7f-7de1-49f5-ba88-07a54202ac7d" providerId="ADAL" clId="{2EB597FE-FE2E-47C9-86A5-2D441B3829E4}" dt="2024-02-08T11:02:37.041" v="494" actId="2696"/>
          <pc:sldLayoutMkLst>
            <pc:docMk/>
            <pc:sldMasterMk cId="4061182373" sldId="2147483765"/>
            <pc:sldLayoutMk cId="3624302369" sldId="2147483866"/>
          </pc:sldLayoutMkLst>
        </pc:sldLayoutChg>
        <pc:sldLayoutChg chg="del">
          <pc:chgData name="Oscar Llorente Gonzalez" userId="e1d48c7f-7de1-49f5-ba88-07a54202ac7d" providerId="ADAL" clId="{2EB597FE-FE2E-47C9-86A5-2D441B3829E4}" dt="2024-02-08T11:02:37.255" v="495" actId="2696"/>
          <pc:sldLayoutMkLst>
            <pc:docMk/>
            <pc:sldMasterMk cId="4061182373" sldId="2147483765"/>
            <pc:sldLayoutMk cId="3086097264" sldId="2147483867"/>
          </pc:sldLayoutMkLst>
        </pc:sldLayoutChg>
        <pc:sldLayoutChg chg="del">
          <pc:chgData name="Oscar Llorente Gonzalez" userId="e1d48c7f-7de1-49f5-ba88-07a54202ac7d" providerId="ADAL" clId="{2EB597FE-FE2E-47C9-86A5-2D441B3829E4}" dt="2024-02-08T11:02:37.439" v="496" actId="2696"/>
          <pc:sldLayoutMkLst>
            <pc:docMk/>
            <pc:sldMasterMk cId="4061182373" sldId="2147483765"/>
            <pc:sldLayoutMk cId="1568623073" sldId="2147483868"/>
          </pc:sldLayoutMkLst>
        </pc:sldLayoutChg>
        <pc:sldLayoutChg chg="del">
          <pc:chgData name="Oscar Llorente Gonzalez" userId="e1d48c7f-7de1-49f5-ba88-07a54202ac7d" providerId="ADAL" clId="{2EB597FE-FE2E-47C9-86A5-2D441B3829E4}" dt="2024-02-08T11:02:37.618" v="497" actId="2696"/>
          <pc:sldLayoutMkLst>
            <pc:docMk/>
            <pc:sldMasterMk cId="4061182373" sldId="2147483765"/>
            <pc:sldLayoutMk cId="2997662545" sldId="2147483869"/>
          </pc:sldLayoutMkLst>
        </pc:sldLayoutChg>
        <pc:sldLayoutChg chg="modSp del mod">
          <pc:chgData name="Oscar Llorente Gonzalez" userId="e1d48c7f-7de1-49f5-ba88-07a54202ac7d" providerId="ADAL" clId="{2EB597FE-FE2E-47C9-86A5-2D441B3829E4}" dt="2024-02-08T11:02:38.446" v="498" actId="2696"/>
          <pc:sldLayoutMkLst>
            <pc:docMk/>
            <pc:sldMasterMk cId="4061182373" sldId="2147483765"/>
            <pc:sldLayoutMk cId="3709990802" sldId="2147483870"/>
          </pc:sldLayoutMkLst>
          <pc:spChg chg="mod">
            <ac:chgData name="Oscar Llorente Gonzalez" userId="e1d48c7f-7de1-49f5-ba88-07a54202ac7d" providerId="ADAL" clId="{2EB597FE-FE2E-47C9-86A5-2D441B3829E4}" dt="2024-02-08T10:58:26.595" v="442" actId="20577"/>
            <ac:spMkLst>
              <pc:docMk/>
              <pc:sldMasterMk cId="4061182373" sldId="2147483765"/>
              <pc:sldLayoutMk cId="3709990802" sldId="2147483870"/>
              <ac:spMk id="3" creationId="{C44ECCE6-4D94-443E-8C20-CA233A5C0572}"/>
            </ac:spMkLst>
          </pc:spChg>
        </pc:sldLayoutChg>
        <pc:sldLayoutChg chg="del">
          <pc:chgData name="Oscar Llorente Gonzalez" userId="e1d48c7f-7de1-49f5-ba88-07a54202ac7d" providerId="ADAL" clId="{2EB597FE-FE2E-47C9-86A5-2D441B3829E4}" dt="2024-02-08T11:02:38.757" v="499" actId="2696"/>
          <pc:sldLayoutMkLst>
            <pc:docMk/>
            <pc:sldMasterMk cId="4061182373" sldId="2147483765"/>
            <pc:sldLayoutMk cId="384908182" sldId="2147483871"/>
          </pc:sldLayoutMkLst>
        </pc:sldLayoutChg>
        <pc:sldLayoutChg chg="del">
          <pc:chgData name="Oscar Llorente Gonzalez" userId="e1d48c7f-7de1-49f5-ba88-07a54202ac7d" providerId="ADAL" clId="{2EB597FE-FE2E-47C9-86A5-2D441B3829E4}" dt="2024-02-08T11:02:39.348" v="500" actId="2696"/>
          <pc:sldLayoutMkLst>
            <pc:docMk/>
            <pc:sldMasterMk cId="4061182373" sldId="2147483765"/>
            <pc:sldLayoutMk cId="4177019301" sldId="2147483872"/>
          </pc:sldLayoutMkLst>
        </pc:sldLayoutChg>
      </pc:sldMasterChg>
    </pc:docChg>
  </pc:docChgLst>
  <pc:docChgLst>
    <pc:chgData name="Oscar Llorente Gonzalez" userId="e1d48c7f-7de1-49f5-ba88-07a54202ac7d" providerId="ADAL" clId="{F37813CC-6907-4F4D-B15A-1E0D0E480B20}"/>
    <pc:docChg chg="undo custSel addSld delSld modSld sldOrd modSection">
      <pc:chgData name="Oscar Llorente Gonzalez" userId="e1d48c7f-7de1-49f5-ba88-07a54202ac7d" providerId="ADAL" clId="{F37813CC-6907-4F4D-B15A-1E0D0E480B20}" dt="2025-02-20T16:27:17.600" v="1240" actId="1076"/>
      <pc:docMkLst>
        <pc:docMk/>
      </pc:docMkLst>
      <pc:sldChg chg="add del">
        <pc:chgData name="Oscar Llorente Gonzalez" userId="e1d48c7f-7de1-49f5-ba88-07a54202ac7d" providerId="ADAL" clId="{F37813CC-6907-4F4D-B15A-1E0D0E480B20}" dt="2025-02-18T09:27:35.685" v="315" actId="47"/>
        <pc:sldMkLst>
          <pc:docMk/>
          <pc:sldMk cId="4020115620" sldId="272"/>
        </pc:sldMkLst>
      </pc:sldChg>
      <pc:sldChg chg="add del">
        <pc:chgData name="Oscar Llorente Gonzalez" userId="e1d48c7f-7de1-49f5-ba88-07a54202ac7d" providerId="ADAL" clId="{F37813CC-6907-4F4D-B15A-1E0D0E480B20}" dt="2025-02-18T09:26:16.526" v="276" actId="47"/>
        <pc:sldMkLst>
          <pc:docMk/>
          <pc:sldMk cId="1271550209" sldId="1448943270"/>
        </pc:sldMkLst>
      </pc:sldChg>
      <pc:sldChg chg="add del">
        <pc:chgData name="Oscar Llorente Gonzalez" userId="e1d48c7f-7de1-49f5-ba88-07a54202ac7d" providerId="ADAL" clId="{F37813CC-6907-4F4D-B15A-1E0D0E480B20}" dt="2025-02-18T09:29:00.429" v="356" actId="47"/>
        <pc:sldMkLst>
          <pc:docMk/>
          <pc:sldMk cId="231722402" sldId="1448943272"/>
        </pc:sldMkLst>
      </pc:sldChg>
      <pc:sldChg chg="addSp modSp add ord">
        <pc:chgData name="Oscar Llorente Gonzalez" userId="e1d48c7f-7de1-49f5-ba88-07a54202ac7d" providerId="ADAL" clId="{F37813CC-6907-4F4D-B15A-1E0D0E480B20}" dt="2025-02-18T09:29:40.284" v="359"/>
        <pc:sldMkLst>
          <pc:docMk/>
          <pc:sldMk cId="2472580893" sldId="1448943273"/>
        </pc:sldMkLst>
        <pc:spChg chg="add mod">
          <ac:chgData name="Oscar Llorente Gonzalez" userId="e1d48c7f-7de1-49f5-ba88-07a54202ac7d" providerId="ADAL" clId="{F37813CC-6907-4F4D-B15A-1E0D0E480B20}" dt="2025-02-18T09:24:32.724" v="237"/>
          <ac:spMkLst>
            <pc:docMk/>
            <pc:sldMk cId="2472580893" sldId="1448943273"/>
            <ac:spMk id="2" creationId="{9A343C09-6385-D488-E7D4-50891AFD389B}"/>
          </ac:spMkLst>
        </pc:spChg>
        <pc:spChg chg="add mod">
          <ac:chgData name="Oscar Llorente Gonzalez" userId="e1d48c7f-7de1-49f5-ba88-07a54202ac7d" providerId="ADAL" clId="{F37813CC-6907-4F4D-B15A-1E0D0E480B20}" dt="2025-02-18T09:24:32.724" v="237"/>
          <ac:spMkLst>
            <pc:docMk/>
            <pc:sldMk cId="2472580893" sldId="1448943273"/>
            <ac:spMk id="3" creationId="{2A6940D6-A6F2-7419-DF6E-C5DC46814D7E}"/>
          </ac:spMkLst>
        </pc:spChg>
        <pc:spChg chg="add mod">
          <ac:chgData name="Oscar Llorente Gonzalez" userId="e1d48c7f-7de1-49f5-ba88-07a54202ac7d" providerId="ADAL" clId="{F37813CC-6907-4F4D-B15A-1E0D0E480B20}" dt="2025-02-18T09:24:32.724" v="237"/>
          <ac:spMkLst>
            <pc:docMk/>
            <pc:sldMk cId="2472580893" sldId="1448943273"/>
            <ac:spMk id="162" creationId="{B06F4077-675E-AB16-32F3-C3FF0D3F764E}"/>
          </ac:spMkLst>
        </pc:spChg>
        <pc:spChg chg="add mod">
          <ac:chgData name="Oscar Llorente Gonzalez" userId="e1d48c7f-7de1-49f5-ba88-07a54202ac7d" providerId="ADAL" clId="{F37813CC-6907-4F4D-B15A-1E0D0E480B20}" dt="2025-02-18T09:24:32.724" v="237"/>
          <ac:spMkLst>
            <pc:docMk/>
            <pc:sldMk cId="2472580893" sldId="1448943273"/>
            <ac:spMk id="163" creationId="{1FA1FBF0-29EC-D419-96C2-55131FDC5D2D}"/>
          </ac:spMkLst>
        </pc:spChg>
        <pc:spChg chg="add mod">
          <ac:chgData name="Oscar Llorente Gonzalez" userId="e1d48c7f-7de1-49f5-ba88-07a54202ac7d" providerId="ADAL" clId="{F37813CC-6907-4F4D-B15A-1E0D0E480B20}" dt="2025-02-18T09:24:32.724" v="237"/>
          <ac:spMkLst>
            <pc:docMk/>
            <pc:sldMk cId="2472580893" sldId="1448943273"/>
            <ac:spMk id="164" creationId="{79097965-105A-EAA1-6355-B5109BEB5F4A}"/>
          </ac:spMkLst>
        </pc:spChg>
        <pc:spChg chg="add mod">
          <ac:chgData name="Oscar Llorente Gonzalez" userId="e1d48c7f-7de1-49f5-ba88-07a54202ac7d" providerId="ADAL" clId="{F37813CC-6907-4F4D-B15A-1E0D0E480B20}" dt="2025-02-18T09:24:32.724" v="237"/>
          <ac:spMkLst>
            <pc:docMk/>
            <pc:sldMk cId="2472580893" sldId="1448943273"/>
            <ac:spMk id="165" creationId="{AF79D7CB-9214-A2A1-2DFD-72AD63E1A823}"/>
          </ac:spMkLst>
        </pc:spChg>
        <pc:spChg chg="add mod">
          <ac:chgData name="Oscar Llorente Gonzalez" userId="e1d48c7f-7de1-49f5-ba88-07a54202ac7d" providerId="ADAL" clId="{F37813CC-6907-4F4D-B15A-1E0D0E480B20}" dt="2025-02-18T09:24:32.724" v="237"/>
          <ac:spMkLst>
            <pc:docMk/>
            <pc:sldMk cId="2472580893" sldId="1448943273"/>
            <ac:spMk id="166" creationId="{5E3D5165-FE1D-71AA-FDFF-8AC33628BCD4}"/>
          </ac:spMkLst>
        </pc:spChg>
        <pc:spChg chg="add mod">
          <ac:chgData name="Oscar Llorente Gonzalez" userId="e1d48c7f-7de1-49f5-ba88-07a54202ac7d" providerId="ADAL" clId="{F37813CC-6907-4F4D-B15A-1E0D0E480B20}" dt="2025-02-18T09:24:32.724" v="237"/>
          <ac:spMkLst>
            <pc:docMk/>
            <pc:sldMk cId="2472580893" sldId="1448943273"/>
            <ac:spMk id="167" creationId="{42E39122-DF8D-8B1E-278D-A59F64785C6B}"/>
          </ac:spMkLst>
        </pc:spChg>
        <pc:spChg chg="add mod">
          <ac:chgData name="Oscar Llorente Gonzalez" userId="e1d48c7f-7de1-49f5-ba88-07a54202ac7d" providerId="ADAL" clId="{F37813CC-6907-4F4D-B15A-1E0D0E480B20}" dt="2025-02-18T09:24:32.724" v="237"/>
          <ac:spMkLst>
            <pc:docMk/>
            <pc:sldMk cId="2472580893" sldId="1448943273"/>
            <ac:spMk id="168" creationId="{DAA6387B-18AB-CE86-8EB4-18E9290B6C8B}"/>
          </ac:spMkLst>
        </pc:spChg>
        <pc:spChg chg="add mod">
          <ac:chgData name="Oscar Llorente Gonzalez" userId="e1d48c7f-7de1-49f5-ba88-07a54202ac7d" providerId="ADAL" clId="{F37813CC-6907-4F4D-B15A-1E0D0E480B20}" dt="2025-02-18T09:24:32.724" v="237"/>
          <ac:spMkLst>
            <pc:docMk/>
            <pc:sldMk cId="2472580893" sldId="1448943273"/>
            <ac:spMk id="169" creationId="{2D961B41-F16C-B855-E2F3-7663761037AA}"/>
          </ac:spMkLst>
        </pc:spChg>
        <pc:spChg chg="add mod">
          <ac:chgData name="Oscar Llorente Gonzalez" userId="e1d48c7f-7de1-49f5-ba88-07a54202ac7d" providerId="ADAL" clId="{F37813CC-6907-4F4D-B15A-1E0D0E480B20}" dt="2025-02-18T09:24:32.724" v="237"/>
          <ac:spMkLst>
            <pc:docMk/>
            <pc:sldMk cId="2472580893" sldId="1448943273"/>
            <ac:spMk id="170" creationId="{C40A2235-429B-AC83-6DB9-1D8E6A60986D}"/>
          </ac:spMkLst>
        </pc:spChg>
        <pc:spChg chg="add mod">
          <ac:chgData name="Oscar Llorente Gonzalez" userId="e1d48c7f-7de1-49f5-ba88-07a54202ac7d" providerId="ADAL" clId="{F37813CC-6907-4F4D-B15A-1E0D0E480B20}" dt="2025-02-18T09:24:32.724" v="237"/>
          <ac:spMkLst>
            <pc:docMk/>
            <pc:sldMk cId="2472580893" sldId="1448943273"/>
            <ac:spMk id="189" creationId="{A5713B76-A582-14F2-2C5A-1D80641F919B}"/>
          </ac:spMkLst>
        </pc:spChg>
        <pc:spChg chg="add mod">
          <ac:chgData name="Oscar Llorente Gonzalez" userId="e1d48c7f-7de1-49f5-ba88-07a54202ac7d" providerId="ADAL" clId="{F37813CC-6907-4F4D-B15A-1E0D0E480B20}" dt="2025-02-18T09:24:32.724" v="237"/>
          <ac:spMkLst>
            <pc:docMk/>
            <pc:sldMk cId="2472580893" sldId="1448943273"/>
            <ac:spMk id="191" creationId="{367AE25D-2732-203F-4E29-436504F4F3ED}"/>
          </ac:spMkLst>
        </pc:spChg>
        <pc:spChg chg="add mod">
          <ac:chgData name="Oscar Llorente Gonzalez" userId="e1d48c7f-7de1-49f5-ba88-07a54202ac7d" providerId="ADAL" clId="{F37813CC-6907-4F4D-B15A-1E0D0E480B20}" dt="2025-02-18T09:24:32.724" v="237"/>
          <ac:spMkLst>
            <pc:docMk/>
            <pc:sldMk cId="2472580893" sldId="1448943273"/>
            <ac:spMk id="192" creationId="{14A4BDB6-EE60-82C6-A052-E609FFA7DBEF}"/>
          </ac:spMkLst>
        </pc:spChg>
        <pc:picChg chg="add mod">
          <ac:chgData name="Oscar Llorente Gonzalez" userId="e1d48c7f-7de1-49f5-ba88-07a54202ac7d" providerId="ADAL" clId="{F37813CC-6907-4F4D-B15A-1E0D0E480B20}" dt="2025-02-18T09:24:32.724" v="237"/>
          <ac:picMkLst>
            <pc:docMk/>
            <pc:sldMk cId="2472580893" sldId="1448943273"/>
            <ac:picMk id="171" creationId="{1FCACFBD-080A-061F-0775-B4FB239BAB4D}"/>
          </ac:picMkLst>
        </pc:picChg>
        <pc:picChg chg="add mod">
          <ac:chgData name="Oscar Llorente Gonzalez" userId="e1d48c7f-7de1-49f5-ba88-07a54202ac7d" providerId="ADAL" clId="{F37813CC-6907-4F4D-B15A-1E0D0E480B20}" dt="2025-02-18T09:24:32.724" v="237"/>
          <ac:picMkLst>
            <pc:docMk/>
            <pc:sldMk cId="2472580893" sldId="1448943273"/>
            <ac:picMk id="172" creationId="{11544DA2-0957-E886-4E31-4622FECE246E}"/>
          </ac:picMkLst>
        </pc:picChg>
        <pc:picChg chg="add mod">
          <ac:chgData name="Oscar Llorente Gonzalez" userId="e1d48c7f-7de1-49f5-ba88-07a54202ac7d" providerId="ADAL" clId="{F37813CC-6907-4F4D-B15A-1E0D0E480B20}" dt="2025-02-18T09:24:32.724" v="237"/>
          <ac:picMkLst>
            <pc:docMk/>
            <pc:sldMk cId="2472580893" sldId="1448943273"/>
            <ac:picMk id="173" creationId="{DEBDE898-F44D-4D18-DDCE-2CF4A0B34F0F}"/>
          </ac:picMkLst>
        </pc:picChg>
        <pc:picChg chg="add mod">
          <ac:chgData name="Oscar Llorente Gonzalez" userId="e1d48c7f-7de1-49f5-ba88-07a54202ac7d" providerId="ADAL" clId="{F37813CC-6907-4F4D-B15A-1E0D0E480B20}" dt="2025-02-18T09:24:32.724" v="237"/>
          <ac:picMkLst>
            <pc:docMk/>
            <pc:sldMk cId="2472580893" sldId="1448943273"/>
            <ac:picMk id="174" creationId="{6AB58B1B-F2BA-084C-45B8-A829BBE038E1}"/>
          </ac:picMkLst>
        </pc:picChg>
        <pc:picChg chg="add mod">
          <ac:chgData name="Oscar Llorente Gonzalez" userId="e1d48c7f-7de1-49f5-ba88-07a54202ac7d" providerId="ADAL" clId="{F37813CC-6907-4F4D-B15A-1E0D0E480B20}" dt="2025-02-18T09:24:32.724" v="237"/>
          <ac:picMkLst>
            <pc:docMk/>
            <pc:sldMk cId="2472580893" sldId="1448943273"/>
            <ac:picMk id="175" creationId="{8CDC86E6-E6FD-418D-4428-10689C12D4C7}"/>
          </ac:picMkLst>
        </pc:picChg>
        <pc:picChg chg="add mod">
          <ac:chgData name="Oscar Llorente Gonzalez" userId="e1d48c7f-7de1-49f5-ba88-07a54202ac7d" providerId="ADAL" clId="{F37813CC-6907-4F4D-B15A-1E0D0E480B20}" dt="2025-02-18T09:24:32.724" v="237"/>
          <ac:picMkLst>
            <pc:docMk/>
            <pc:sldMk cId="2472580893" sldId="1448943273"/>
            <ac:picMk id="176" creationId="{ED6CE3A7-B640-977D-37AD-4B8A8D26CF35}"/>
          </ac:picMkLst>
        </pc:picChg>
        <pc:picChg chg="add mod">
          <ac:chgData name="Oscar Llorente Gonzalez" userId="e1d48c7f-7de1-49f5-ba88-07a54202ac7d" providerId="ADAL" clId="{F37813CC-6907-4F4D-B15A-1E0D0E480B20}" dt="2025-02-18T09:24:32.724" v="237"/>
          <ac:picMkLst>
            <pc:docMk/>
            <pc:sldMk cId="2472580893" sldId="1448943273"/>
            <ac:picMk id="177" creationId="{79CE322D-B347-09D7-B6A6-92B40005EB16}"/>
          </ac:picMkLst>
        </pc:picChg>
        <pc:picChg chg="add mod">
          <ac:chgData name="Oscar Llorente Gonzalez" userId="e1d48c7f-7de1-49f5-ba88-07a54202ac7d" providerId="ADAL" clId="{F37813CC-6907-4F4D-B15A-1E0D0E480B20}" dt="2025-02-18T09:24:32.724" v="237"/>
          <ac:picMkLst>
            <pc:docMk/>
            <pc:sldMk cId="2472580893" sldId="1448943273"/>
            <ac:picMk id="178" creationId="{7C5D2BA8-8117-ACCD-E58A-8E4D620BD395}"/>
          </ac:picMkLst>
        </pc:picChg>
        <pc:picChg chg="add mod">
          <ac:chgData name="Oscar Llorente Gonzalez" userId="e1d48c7f-7de1-49f5-ba88-07a54202ac7d" providerId="ADAL" clId="{F37813CC-6907-4F4D-B15A-1E0D0E480B20}" dt="2025-02-18T09:24:32.724" v="237"/>
          <ac:picMkLst>
            <pc:docMk/>
            <pc:sldMk cId="2472580893" sldId="1448943273"/>
            <ac:picMk id="179" creationId="{F2738F81-A15A-1E62-FCD4-707E875EDF02}"/>
          </ac:picMkLst>
        </pc:picChg>
        <pc:picChg chg="add mod">
          <ac:chgData name="Oscar Llorente Gonzalez" userId="e1d48c7f-7de1-49f5-ba88-07a54202ac7d" providerId="ADAL" clId="{F37813CC-6907-4F4D-B15A-1E0D0E480B20}" dt="2025-02-18T09:24:32.724" v="237"/>
          <ac:picMkLst>
            <pc:docMk/>
            <pc:sldMk cId="2472580893" sldId="1448943273"/>
            <ac:picMk id="180" creationId="{47C341CD-1CED-D409-954D-FDF2FF97E06F}"/>
          </ac:picMkLst>
        </pc:picChg>
        <pc:picChg chg="add mod">
          <ac:chgData name="Oscar Llorente Gonzalez" userId="e1d48c7f-7de1-49f5-ba88-07a54202ac7d" providerId="ADAL" clId="{F37813CC-6907-4F4D-B15A-1E0D0E480B20}" dt="2025-02-18T09:24:32.724" v="237"/>
          <ac:picMkLst>
            <pc:docMk/>
            <pc:sldMk cId="2472580893" sldId="1448943273"/>
            <ac:picMk id="181" creationId="{C7453AAF-E6AD-985D-E2D7-1068DE71F1E6}"/>
          </ac:picMkLst>
        </pc:picChg>
        <pc:picChg chg="add mod">
          <ac:chgData name="Oscar Llorente Gonzalez" userId="e1d48c7f-7de1-49f5-ba88-07a54202ac7d" providerId="ADAL" clId="{F37813CC-6907-4F4D-B15A-1E0D0E480B20}" dt="2025-02-18T09:24:32.724" v="237"/>
          <ac:picMkLst>
            <pc:docMk/>
            <pc:sldMk cId="2472580893" sldId="1448943273"/>
            <ac:picMk id="182" creationId="{E6F7CEAC-E769-327D-836A-712F7FBD9D22}"/>
          </ac:picMkLst>
        </pc:picChg>
        <pc:picChg chg="add mod">
          <ac:chgData name="Oscar Llorente Gonzalez" userId="e1d48c7f-7de1-49f5-ba88-07a54202ac7d" providerId="ADAL" clId="{F37813CC-6907-4F4D-B15A-1E0D0E480B20}" dt="2025-02-18T09:24:32.724" v="237"/>
          <ac:picMkLst>
            <pc:docMk/>
            <pc:sldMk cId="2472580893" sldId="1448943273"/>
            <ac:picMk id="183" creationId="{19CB064E-C503-89C2-7A49-2448225AFB1B}"/>
          </ac:picMkLst>
        </pc:picChg>
        <pc:picChg chg="add mod">
          <ac:chgData name="Oscar Llorente Gonzalez" userId="e1d48c7f-7de1-49f5-ba88-07a54202ac7d" providerId="ADAL" clId="{F37813CC-6907-4F4D-B15A-1E0D0E480B20}" dt="2025-02-18T09:24:32.724" v="237"/>
          <ac:picMkLst>
            <pc:docMk/>
            <pc:sldMk cId="2472580893" sldId="1448943273"/>
            <ac:picMk id="184" creationId="{1CE3CBF5-133D-C215-14AC-0B9F5B7FC2C1}"/>
          </ac:picMkLst>
        </pc:picChg>
        <pc:picChg chg="add mod">
          <ac:chgData name="Oscar Llorente Gonzalez" userId="e1d48c7f-7de1-49f5-ba88-07a54202ac7d" providerId="ADAL" clId="{F37813CC-6907-4F4D-B15A-1E0D0E480B20}" dt="2025-02-18T09:24:32.724" v="237"/>
          <ac:picMkLst>
            <pc:docMk/>
            <pc:sldMk cId="2472580893" sldId="1448943273"/>
            <ac:picMk id="185" creationId="{98907E8E-A0BF-C9CA-44E7-6F940BCD6E64}"/>
          </ac:picMkLst>
        </pc:picChg>
        <pc:picChg chg="add mod">
          <ac:chgData name="Oscar Llorente Gonzalez" userId="e1d48c7f-7de1-49f5-ba88-07a54202ac7d" providerId="ADAL" clId="{F37813CC-6907-4F4D-B15A-1E0D0E480B20}" dt="2025-02-18T09:24:32.724" v="237"/>
          <ac:picMkLst>
            <pc:docMk/>
            <pc:sldMk cId="2472580893" sldId="1448943273"/>
            <ac:picMk id="186" creationId="{8A500458-9D67-A4C5-CA02-FDD6D60A8925}"/>
          </ac:picMkLst>
        </pc:picChg>
        <pc:picChg chg="add mod">
          <ac:chgData name="Oscar Llorente Gonzalez" userId="e1d48c7f-7de1-49f5-ba88-07a54202ac7d" providerId="ADAL" clId="{F37813CC-6907-4F4D-B15A-1E0D0E480B20}" dt="2025-02-18T09:24:32.724" v="237"/>
          <ac:picMkLst>
            <pc:docMk/>
            <pc:sldMk cId="2472580893" sldId="1448943273"/>
            <ac:picMk id="187" creationId="{04681E27-EF12-FBAD-12D5-A7414B44C03D}"/>
          </ac:picMkLst>
        </pc:picChg>
        <pc:picChg chg="add mod">
          <ac:chgData name="Oscar Llorente Gonzalez" userId="e1d48c7f-7de1-49f5-ba88-07a54202ac7d" providerId="ADAL" clId="{F37813CC-6907-4F4D-B15A-1E0D0E480B20}" dt="2025-02-18T09:24:32.724" v="237"/>
          <ac:picMkLst>
            <pc:docMk/>
            <pc:sldMk cId="2472580893" sldId="1448943273"/>
            <ac:picMk id="188" creationId="{608E24EE-C3F5-3667-1FBB-1C85C279AA72}"/>
          </ac:picMkLst>
        </pc:picChg>
        <pc:cxnChg chg="add mod">
          <ac:chgData name="Oscar Llorente Gonzalez" userId="e1d48c7f-7de1-49f5-ba88-07a54202ac7d" providerId="ADAL" clId="{F37813CC-6907-4F4D-B15A-1E0D0E480B20}" dt="2025-02-18T09:24:32.724" v="237"/>
          <ac:cxnSpMkLst>
            <pc:docMk/>
            <pc:sldMk cId="2472580893" sldId="1448943273"/>
            <ac:cxnSpMk id="190" creationId="{BF35B69B-0ED1-AFFA-F5BE-548BE794F196}"/>
          </ac:cxnSpMkLst>
        </pc:cxnChg>
      </pc:sldChg>
      <pc:sldChg chg="modSp mod">
        <pc:chgData name="Oscar Llorente Gonzalez" userId="e1d48c7f-7de1-49f5-ba88-07a54202ac7d" providerId="ADAL" clId="{F37813CC-6907-4F4D-B15A-1E0D0E480B20}" dt="2025-02-18T15:55:30.157" v="707" actId="14100"/>
        <pc:sldMkLst>
          <pc:docMk/>
          <pc:sldMk cId="46647062" sldId="2147479193"/>
        </pc:sldMkLst>
        <pc:spChg chg="mod">
          <ac:chgData name="Oscar Llorente Gonzalez" userId="e1d48c7f-7de1-49f5-ba88-07a54202ac7d" providerId="ADAL" clId="{F37813CC-6907-4F4D-B15A-1E0D0E480B20}" dt="2025-02-18T08:49:08.061" v="18" actId="20577"/>
          <ac:spMkLst>
            <pc:docMk/>
            <pc:sldMk cId="46647062" sldId="2147479193"/>
            <ac:spMk id="4" creationId="{CF1133B3-17C3-57AA-A549-C7EA019C2094}"/>
          </ac:spMkLst>
        </pc:spChg>
        <pc:spChg chg="mod">
          <ac:chgData name="Oscar Llorente Gonzalez" userId="e1d48c7f-7de1-49f5-ba88-07a54202ac7d" providerId="ADAL" clId="{F37813CC-6907-4F4D-B15A-1E0D0E480B20}" dt="2025-02-18T15:53:38.866" v="554" actId="20577"/>
          <ac:spMkLst>
            <pc:docMk/>
            <pc:sldMk cId="46647062" sldId="2147479193"/>
            <ac:spMk id="20" creationId="{BDDCF03B-24AE-05EB-527C-A8170D91E665}"/>
          </ac:spMkLst>
        </pc:spChg>
        <pc:spChg chg="mod">
          <ac:chgData name="Oscar Llorente Gonzalez" userId="e1d48c7f-7de1-49f5-ba88-07a54202ac7d" providerId="ADAL" clId="{F37813CC-6907-4F4D-B15A-1E0D0E480B20}" dt="2025-02-18T15:54:53.978" v="651" actId="20577"/>
          <ac:spMkLst>
            <pc:docMk/>
            <pc:sldMk cId="46647062" sldId="2147479193"/>
            <ac:spMk id="22" creationId="{18B85F4C-6797-89F5-6EA7-2997BBF4E4B1}"/>
          </ac:spMkLst>
        </pc:spChg>
        <pc:spChg chg="mod">
          <ac:chgData name="Oscar Llorente Gonzalez" userId="e1d48c7f-7de1-49f5-ba88-07a54202ac7d" providerId="ADAL" clId="{F37813CC-6907-4F4D-B15A-1E0D0E480B20}" dt="2025-02-18T15:55:30.157" v="707" actId="14100"/>
          <ac:spMkLst>
            <pc:docMk/>
            <pc:sldMk cId="46647062" sldId="2147479193"/>
            <ac:spMk id="23" creationId="{15695D72-E891-28A4-9B93-F7EB42BD3606}"/>
          </ac:spMkLst>
        </pc:spChg>
      </pc:sldChg>
      <pc:sldChg chg="del">
        <pc:chgData name="Oscar Llorente Gonzalez" userId="e1d48c7f-7de1-49f5-ba88-07a54202ac7d" providerId="ADAL" clId="{F37813CC-6907-4F4D-B15A-1E0D0E480B20}" dt="2025-02-18T08:59:40.665" v="117" actId="47"/>
        <pc:sldMkLst>
          <pc:docMk/>
          <pc:sldMk cId="1646425188" sldId="2147479822"/>
        </pc:sldMkLst>
      </pc:sldChg>
      <pc:sldChg chg="addSp delSp modSp mod">
        <pc:chgData name="Oscar Llorente Gonzalez" userId="e1d48c7f-7de1-49f5-ba88-07a54202ac7d" providerId="ADAL" clId="{F37813CC-6907-4F4D-B15A-1E0D0E480B20}" dt="2025-02-18T09:00:17.499" v="139" actId="1076"/>
        <pc:sldMkLst>
          <pc:docMk/>
          <pc:sldMk cId="349078831" sldId="2147479823"/>
        </pc:sldMkLst>
        <pc:spChg chg="del mod">
          <ac:chgData name="Oscar Llorente Gonzalez" userId="e1d48c7f-7de1-49f5-ba88-07a54202ac7d" providerId="ADAL" clId="{F37813CC-6907-4F4D-B15A-1E0D0E480B20}" dt="2025-02-18T09:00:11.380" v="135" actId="478"/>
          <ac:spMkLst>
            <pc:docMk/>
            <pc:sldMk cId="349078831" sldId="2147479823"/>
            <ac:spMk id="2" creationId="{D78CBC8A-DA85-2E9D-716F-1B672AEBC7DD}"/>
          </ac:spMkLst>
        </pc:spChg>
        <pc:spChg chg="del">
          <ac:chgData name="Oscar Llorente Gonzalez" userId="e1d48c7f-7de1-49f5-ba88-07a54202ac7d" providerId="ADAL" clId="{F37813CC-6907-4F4D-B15A-1E0D0E480B20}" dt="2025-02-18T08:56:13.247" v="108" actId="478"/>
          <ac:spMkLst>
            <pc:docMk/>
            <pc:sldMk cId="349078831" sldId="2147479823"/>
            <ac:spMk id="3" creationId="{FB42A628-7DFD-FDC0-E32F-E747A03697F9}"/>
          </ac:spMkLst>
        </pc:spChg>
        <pc:spChg chg="add">
          <ac:chgData name="Oscar Llorente Gonzalez" userId="e1d48c7f-7de1-49f5-ba88-07a54202ac7d" providerId="ADAL" clId="{F37813CC-6907-4F4D-B15A-1E0D0E480B20}" dt="2025-02-18T08:56:14.400" v="109"/>
          <ac:spMkLst>
            <pc:docMk/>
            <pc:sldMk cId="349078831" sldId="2147479823"/>
            <ac:spMk id="4" creationId="{6994DA6C-FDE3-D550-23DC-C4D193F533B2}"/>
          </ac:spMkLst>
        </pc:spChg>
        <pc:spChg chg="add">
          <ac:chgData name="Oscar Llorente Gonzalez" userId="e1d48c7f-7de1-49f5-ba88-07a54202ac7d" providerId="ADAL" clId="{F37813CC-6907-4F4D-B15A-1E0D0E480B20}" dt="2025-02-18T08:56:19.349" v="110"/>
          <ac:spMkLst>
            <pc:docMk/>
            <pc:sldMk cId="349078831" sldId="2147479823"/>
            <ac:spMk id="5" creationId="{C6AA7C78-D7B1-F9DF-27EC-9CF513D0882C}"/>
          </ac:spMkLst>
        </pc:spChg>
        <pc:spChg chg="add">
          <ac:chgData name="Oscar Llorente Gonzalez" userId="e1d48c7f-7de1-49f5-ba88-07a54202ac7d" providerId="ADAL" clId="{F37813CC-6907-4F4D-B15A-1E0D0E480B20}" dt="2025-02-18T08:56:33.572" v="111"/>
          <ac:spMkLst>
            <pc:docMk/>
            <pc:sldMk cId="349078831" sldId="2147479823"/>
            <ac:spMk id="6" creationId="{AD2F37A4-0EC8-5ED9-BBBC-A4BE0995CCF9}"/>
          </ac:spMkLst>
        </pc:spChg>
        <pc:spChg chg="add del mod">
          <ac:chgData name="Oscar Llorente Gonzalez" userId="e1d48c7f-7de1-49f5-ba88-07a54202ac7d" providerId="ADAL" clId="{F37813CC-6907-4F4D-B15A-1E0D0E480B20}" dt="2025-02-18T09:00:12.958" v="136" actId="478"/>
          <ac:spMkLst>
            <pc:docMk/>
            <pc:sldMk cId="349078831" sldId="2147479823"/>
            <ac:spMk id="8" creationId="{D8F8BA4D-D0F1-E7ED-BAE1-EEE7E51DEA71}"/>
          </ac:spMkLst>
        </pc:spChg>
        <pc:picChg chg="add">
          <ac:chgData name="Oscar Llorente Gonzalez" userId="e1d48c7f-7de1-49f5-ba88-07a54202ac7d" providerId="ADAL" clId="{F37813CC-6907-4F4D-B15A-1E0D0E480B20}" dt="2025-02-18T08:52:58.191" v="106"/>
          <ac:picMkLst>
            <pc:docMk/>
            <pc:sldMk cId="349078831" sldId="2147479823"/>
            <ac:picMk id="1026" creationId="{57F17F57-302E-CE10-6DE5-CD346E1F24DD}"/>
          </ac:picMkLst>
        </pc:picChg>
        <pc:picChg chg="add">
          <ac:chgData name="Oscar Llorente Gonzalez" userId="e1d48c7f-7de1-49f5-ba88-07a54202ac7d" providerId="ADAL" clId="{F37813CC-6907-4F4D-B15A-1E0D0E480B20}" dt="2025-02-18T08:53:51.929" v="107"/>
          <ac:picMkLst>
            <pc:docMk/>
            <pc:sldMk cId="349078831" sldId="2147479823"/>
            <ac:picMk id="1028" creationId="{AA4D81A0-5C1A-9969-5438-FB75562C4AC1}"/>
          </ac:picMkLst>
        </pc:picChg>
        <pc:picChg chg="add mod">
          <ac:chgData name="Oscar Llorente Gonzalez" userId="e1d48c7f-7de1-49f5-ba88-07a54202ac7d" providerId="ADAL" clId="{F37813CC-6907-4F4D-B15A-1E0D0E480B20}" dt="2025-02-18T09:00:17.499" v="139" actId="1076"/>
          <ac:picMkLst>
            <pc:docMk/>
            <pc:sldMk cId="349078831" sldId="2147479823"/>
            <ac:picMk id="1036" creationId="{72AF0A2B-EBD1-3DAB-D2F8-7BF8FB531271}"/>
          </ac:picMkLst>
        </pc:picChg>
      </pc:sldChg>
      <pc:sldChg chg="addSp delSp modSp new mod ord">
        <pc:chgData name="Oscar Llorente Gonzalez" userId="e1d48c7f-7de1-49f5-ba88-07a54202ac7d" providerId="ADAL" clId="{F37813CC-6907-4F4D-B15A-1E0D0E480B20}" dt="2025-02-18T15:53:55.648" v="577" actId="790"/>
        <pc:sldMkLst>
          <pc:docMk/>
          <pc:sldMk cId="2504933933" sldId="2147479824"/>
        </pc:sldMkLst>
        <pc:spChg chg="mod">
          <ac:chgData name="Oscar Llorente Gonzalez" userId="e1d48c7f-7de1-49f5-ba88-07a54202ac7d" providerId="ADAL" clId="{F37813CC-6907-4F4D-B15A-1E0D0E480B20}" dt="2025-02-18T15:53:55.648" v="577" actId="790"/>
          <ac:spMkLst>
            <pc:docMk/>
            <pc:sldMk cId="2504933933" sldId="2147479824"/>
            <ac:spMk id="2" creationId="{BD428CC4-BCB9-CF6F-3B85-8CF76EAC23F2}"/>
          </ac:spMkLst>
        </pc:spChg>
        <pc:spChg chg="del">
          <ac:chgData name="Oscar Llorente Gonzalez" userId="e1d48c7f-7de1-49f5-ba88-07a54202ac7d" providerId="ADAL" clId="{F37813CC-6907-4F4D-B15A-1E0D0E480B20}" dt="2025-02-18T09:01:28.032" v="143" actId="478"/>
          <ac:spMkLst>
            <pc:docMk/>
            <pc:sldMk cId="2504933933" sldId="2147479824"/>
            <ac:spMk id="3" creationId="{2D262302-563A-889E-B4FA-FF286C788A0F}"/>
          </ac:spMkLst>
        </pc:spChg>
        <pc:picChg chg="add mod modCrop">
          <ac:chgData name="Oscar Llorente Gonzalez" userId="e1d48c7f-7de1-49f5-ba88-07a54202ac7d" providerId="ADAL" clId="{F37813CC-6907-4F4D-B15A-1E0D0E480B20}" dt="2025-02-18T09:04:12.223" v="161" actId="1076"/>
          <ac:picMkLst>
            <pc:docMk/>
            <pc:sldMk cId="2504933933" sldId="2147479824"/>
            <ac:picMk id="5" creationId="{775648F1-776B-381E-0A83-ECA86CCEF714}"/>
          </ac:picMkLst>
        </pc:picChg>
        <pc:picChg chg="add mod">
          <ac:chgData name="Oscar Llorente Gonzalez" userId="e1d48c7f-7de1-49f5-ba88-07a54202ac7d" providerId="ADAL" clId="{F37813CC-6907-4F4D-B15A-1E0D0E480B20}" dt="2025-02-18T09:03:57.288" v="155" actId="1076"/>
          <ac:picMkLst>
            <pc:docMk/>
            <pc:sldMk cId="2504933933" sldId="2147479824"/>
            <ac:picMk id="7" creationId="{B10BD88C-136D-5A58-B042-7034E81BC7A6}"/>
          </ac:picMkLst>
        </pc:picChg>
      </pc:sldChg>
      <pc:sldChg chg="addSp delSp modSp new mod">
        <pc:chgData name="Oscar Llorente Gonzalez" userId="e1d48c7f-7de1-49f5-ba88-07a54202ac7d" providerId="ADAL" clId="{F37813CC-6907-4F4D-B15A-1E0D0E480B20}" dt="2025-02-18T09:17:59.735" v="215" actId="790"/>
        <pc:sldMkLst>
          <pc:docMk/>
          <pc:sldMk cId="927779489" sldId="2147479825"/>
        </pc:sldMkLst>
        <pc:spChg chg="mod">
          <ac:chgData name="Oscar Llorente Gonzalez" userId="e1d48c7f-7de1-49f5-ba88-07a54202ac7d" providerId="ADAL" clId="{F37813CC-6907-4F4D-B15A-1E0D0E480B20}" dt="2025-02-18T09:17:59.735" v="215" actId="790"/>
          <ac:spMkLst>
            <pc:docMk/>
            <pc:sldMk cId="927779489" sldId="2147479825"/>
            <ac:spMk id="2" creationId="{9ECB7AE7-7E59-6681-05F5-63E56DD98B4F}"/>
          </ac:spMkLst>
        </pc:spChg>
        <pc:spChg chg="del">
          <ac:chgData name="Oscar Llorente Gonzalez" userId="e1d48c7f-7de1-49f5-ba88-07a54202ac7d" providerId="ADAL" clId="{F37813CC-6907-4F4D-B15A-1E0D0E480B20}" dt="2025-02-18T09:15:46.533" v="194" actId="478"/>
          <ac:spMkLst>
            <pc:docMk/>
            <pc:sldMk cId="927779489" sldId="2147479825"/>
            <ac:spMk id="3" creationId="{38DB20B7-ACFF-05BF-251E-B636BACD33C3}"/>
          </ac:spMkLst>
        </pc:spChg>
        <pc:picChg chg="add">
          <ac:chgData name="Oscar Llorente Gonzalez" userId="e1d48c7f-7de1-49f5-ba88-07a54202ac7d" providerId="ADAL" clId="{F37813CC-6907-4F4D-B15A-1E0D0E480B20}" dt="2025-02-18T09:15:47.723" v="195"/>
          <ac:picMkLst>
            <pc:docMk/>
            <pc:sldMk cId="927779489" sldId="2147479825"/>
            <ac:picMk id="2050" creationId="{726E58A9-1AE6-DDA8-D91F-3FB7770ACC4C}"/>
          </ac:picMkLst>
        </pc:picChg>
      </pc:sldChg>
      <pc:sldChg chg="addSp delSp modSp new mod ord">
        <pc:chgData name="Oscar Llorente Gonzalez" userId="e1d48c7f-7de1-49f5-ba88-07a54202ac7d" providerId="ADAL" clId="{F37813CC-6907-4F4D-B15A-1E0D0E480B20}" dt="2025-02-18T09:23:57.871" v="234" actId="1076"/>
        <pc:sldMkLst>
          <pc:docMk/>
          <pc:sldMk cId="2640841549" sldId="2147479826"/>
        </pc:sldMkLst>
        <pc:spChg chg="mod">
          <ac:chgData name="Oscar Llorente Gonzalez" userId="e1d48c7f-7de1-49f5-ba88-07a54202ac7d" providerId="ADAL" clId="{F37813CC-6907-4F4D-B15A-1E0D0E480B20}" dt="2025-02-18T09:17:53.750" v="214" actId="790"/>
          <ac:spMkLst>
            <pc:docMk/>
            <pc:sldMk cId="2640841549" sldId="2147479826"/>
            <ac:spMk id="2" creationId="{CC8BD817-E005-6A28-A16C-D8E49535C84D}"/>
          </ac:spMkLst>
        </pc:spChg>
        <pc:spChg chg="del">
          <ac:chgData name="Oscar Llorente Gonzalez" userId="e1d48c7f-7de1-49f5-ba88-07a54202ac7d" providerId="ADAL" clId="{F37813CC-6907-4F4D-B15A-1E0D0E480B20}" dt="2025-02-18T09:20:10.379" v="216" actId="478"/>
          <ac:spMkLst>
            <pc:docMk/>
            <pc:sldMk cId="2640841549" sldId="2147479826"/>
            <ac:spMk id="3" creationId="{6A674B9C-2677-7403-3AE8-B971A8931FC2}"/>
          </ac:spMkLst>
        </pc:spChg>
        <pc:picChg chg="add mod">
          <ac:chgData name="Oscar Llorente Gonzalez" userId="e1d48c7f-7de1-49f5-ba88-07a54202ac7d" providerId="ADAL" clId="{F37813CC-6907-4F4D-B15A-1E0D0E480B20}" dt="2025-02-18T09:23:56.741" v="233" actId="1076"/>
          <ac:picMkLst>
            <pc:docMk/>
            <pc:sldMk cId="2640841549" sldId="2147479826"/>
            <ac:picMk id="5" creationId="{9FD0CFBC-41B3-25DB-8EE7-345A07B62414}"/>
          </ac:picMkLst>
        </pc:picChg>
        <pc:picChg chg="add mod modCrop">
          <ac:chgData name="Oscar Llorente Gonzalez" userId="e1d48c7f-7de1-49f5-ba88-07a54202ac7d" providerId="ADAL" clId="{F37813CC-6907-4F4D-B15A-1E0D0E480B20}" dt="2025-02-18T09:23:57.871" v="234" actId="1076"/>
          <ac:picMkLst>
            <pc:docMk/>
            <pc:sldMk cId="2640841549" sldId="2147479826"/>
            <ac:picMk id="7" creationId="{884D4DAB-104E-F7E2-D623-E2890242BFB6}"/>
          </ac:picMkLst>
        </pc:picChg>
      </pc:sldChg>
      <pc:sldChg chg="addSp delSp modSp new del mod">
        <pc:chgData name="Oscar Llorente Gonzalez" userId="e1d48c7f-7de1-49f5-ba88-07a54202ac7d" providerId="ADAL" clId="{F37813CC-6907-4F4D-B15A-1E0D0E480B20}" dt="2025-02-18T09:29:02.774" v="357" actId="47"/>
        <pc:sldMkLst>
          <pc:docMk/>
          <pc:sldMk cId="3299592854" sldId="2147479827"/>
        </pc:sldMkLst>
        <pc:spChg chg="del">
          <ac:chgData name="Oscar Llorente Gonzalez" userId="e1d48c7f-7de1-49f5-ba88-07a54202ac7d" providerId="ADAL" clId="{F37813CC-6907-4F4D-B15A-1E0D0E480B20}" dt="2025-02-18T09:24:42.838" v="240" actId="478"/>
          <ac:spMkLst>
            <pc:docMk/>
            <pc:sldMk cId="3299592854" sldId="2147479827"/>
            <ac:spMk id="3" creationId="{8B0D6996-27BE-95B0-3EDF-921C5DDC4172}"/>
          </ac:spMkLst>
        </pc:spChg>
        <pc:spChg chg="add mod">
          <ac:chgData name="Oscar Llorente Gonzalez" userId="e1d48c7f-7de1-49f5-ba88-07a54202ac7d" providerId="ADAL" clId="{F37813CC-6907-4F4D-B15A-1E0D0E480B20}" dt="2025-02-18T09:24:36.400" v="239"/>
          <ac:spMkLst>
            <pc:docMk/>
            <pc:sldMk cId="3299592854" sldId="2147479827"/>
            <ac:spMk id="4" creationId="{E19B43D5-A09D-D212-7276-6D3B254AE47C}"/>
          </ac:spMkLst>
        </pc:spChg>
        <pc:spChg chg="add mod">
          <ac:chgData name="Oscar Llorente Gonzalez" userId="e1d48c7f-7de1-49f5-ba88-07a54202ac7d" providerId="ADAL" clId="{F37813CC-6907-4F4D-B15A-1E0D0E480B20}" dt="2025-02-18T09:24:36.400" v="239"/>
          <ac:spMkLst>
            <pc:docMk/>
            <pc:sldMk cId="3299592854" sldId="2147479827"/>
            <ac:spMk id="5" creationId="{F3BF3DCC-81FB-8B23-AE47-7F0C9EC6247A}"/>
          </ac:spMkLst>
        </pc:spChg>
        <pc:spChg chg="add mod">
          <ac:chgData name="Oscar Llorente Gonzalez" userId="e1d48c7f-7de1-49f5-ba88-07a54202ac7d" providerId="ADAL" clId="{F37813CC-6907-4F4D-B15A-1E0D0E480B20}" dt="2025-02-18T09:24:36.400" v="239"/>
          <ac:spMkLst>
            <pc:docMk/>
            <pc:sldMk cId="3299592854" sldId="2147479827"/>
            <ac:spMk id="6" creationId="{1C143F73-09B6-3966-4504-872BDA11E724}"/>
          </ac:spMkLst>
        </pc:spChg>
        <pc:spChg chg="add mod">
          <ac:chgData name="Oscar Llorente Gonzalez" userId="e1d48c7f-7de1-49f5-ba88-07a54202ac7d" providerId="ADAL" clId="{F37813CC-6907-4F4D-B15A-1E0D0E480B20}" dt="2025-02-18T09:24:36.400" v="239"/>
          <ac:spMkLst>
            <pc:docMk/>
            <pc:sldMk cId="3299592854" sldId="2147479827"/>
            <ac:spMk id="7" creationId="{64748ED1-EF2B-6D9F-5BD3-D915BE656D17}"/>
          </ac:spMkLst>
        </pc:spChg>
        <pc:spChg chg="add mod">
          <ac:chgData name="Oscar Llorente Gonzalez" userId="e1d48c7f-7de1-49f5-ba88-07a54202ac7d" providerId="ADAL" clId="{F37813CC-6907-4F4D-B15A-1E0D0E480B20}" dt="2025-02-18T09:24:36.400" v="239"/>
          <ac:spMkLst>
            <pc:docMk/>
            <pc:sldMk cId="3299592854" sldId="2147479827"/>
            <ac:spMk id="8" creationId="{0EBC3479-8B07-AF9B-2FD1-8BAA7B328BF2}"/>
          </ac:spMkLst>
        </pc:spChg>
        <pc:spChg chg="add mod">
          <ac:chgData name="Oscar Llorente Gonzalez" userId="e1d48c7f-7de1-49f5-ba88-07a54202ac7d" providerId="ADAL" clId="{F37813CC-6907-4F4D-B15A-1E0D0E480B20}" dt="2025-02-18T09:24:36.400" v="239"/>
          <ac:spMkLst>
            <pc:docMk/>
            <pc:sldMk cId="3299592854" sldId="2147479827"/>
            <ac:spMk id="9" creationId="{0D434A91-F053-B2C4-0F3B-2658D0993EBF}"/>
          </ac:spMkLst>
        </pc:spChg>
        <pc:spChg chg="add mod">
          <ac:chgData name="Oscar Llorente Gonzalez" userId="e1d48c7f-7de1-49f5-ba88-07a54202ac7d" providerId="ADAL" clId="{F37813CC-6907-4F4D-B15A-1E0D0E480B20}" dt="2025-02-18T09:24:36.400" v="239"/>
          <ac:spMkLst>
            <pc:docMk/>
            <pc:sldMk cId="3299592854" sldId="2147479827"/>
            <ac:spMk id="10" creationId="{F6A38F8F-706B-61FC-06AD-D909B25A8A81}"/>
          </ac:spMkLst>
        </pc:spChg>
        <pc:spChg chg="add mod">
          <ac:chgData name="Oscar Llorente Gonzalez" userId="e1d48c7f-7de1-49f5-ba88-07a54202ac7d" providerId="ADAL" clId="{F37813CC-6907-4F4D-B15A-1E0D0E480B20}" dt="2025-02-18T09:24:36.400" v="239"/>
          <ac:spMkLst>
            <pc:docMk/>
            <pc:sldMk cId="3299592854" sldId="2147479827"/>
            <ac:spMk id="11" creationId="{02535E46-4C81-0168-5015-61C6F15A298F}"/>
          </ac:spMkLst>
        </pc:spChg>
        <pc:spChg chg="add mod">
          <ac:chgData name="Oscar Llorente Gonzalez" userId="e1d48c7f-7de1-49f5-ba88-07a54202ac7d" providerId="ADAL" clId="{F37813CC-6907-4F4D-B15A-1E0D0E480B20}" dt="2025-02-18T09:24:36.400" v="239"/>
          <ac:spMkLst>
            <pc:docMk/>
            <pc:sldMk cId="3299592854" sldId="2147479827"/>
            <ac:spMk id="12" creationId="{2CEDF0E4-F588-F8EA-B712-8EE76C67D9A7}"/>
          </ac:spMkLst>
        </pc:spChg>
        <pc:spChg chg="add mod">
          <ac:chgData name="Oscar Llorente Gonzalez" userId="e1d48c7f-7de1-49f5-ba88-07a54202ac7d" providerId="ADAL" clId="{F37813CC-6907-4F4D-B15A-1E0D0E480B20}" dt="2025-02-18T09:24:36.400" v="239"/>
          <ac:spMkLst>
            <pc:docMk/>
            <pc:sldMk cId="3299592854" sldId="2147479827"/>
            <ac:spMk id="13" creationId="{9128ADA2-865B-94E1-23FF-653BA71500B4}"/>
          </ac:spMkLst>
        </pc:spChg>
        <pc:spChg chg="add mod">
          <ac:chgData name="Oscar Llorente Gonzalez" userId="e1d48c7f-7de1-49f5-ba88-07a54202ac7d" providerId="ADAL" clId="{F37813CC-6907-4F4D-B15A-1E0D0E480B20}" dt="2025-02-18T09:24:36.400" v="239"/>
          <ac:spMkLst>
            <pc:docMk/>
            <pc:sldMk cId="3299592854" sldId="2147479827"/>
            <ac:spMk id="14" creationId="{83945652-811F-A346-CD51-2B9D805D7A5E}"/>
          </ac:spMkLst>
        </pc:spChg>
        <pc:spChg chg="add mod">
          <ac:chgData name="Oscar Llorente Gonzalez" userId="e1d48c7f-7de1-49f5-ba88-07a54202ac7d" providerId="ADAL" clId="{F37813CC-6907-4F4D-B15A-1E0D0E480B20}" dt="2025-02-18T09:24:36.400" v="239"/>
          <ac:spMkLst>
            <pc:docMk/>
            <pc:sldMk cId="3299592854" sldId="2147479827"/>
            <ac:spMk id="33" creationId="{068BF063-4F23-E11A-CE74-127E422A9C5B}"/>
          </ac:spMkLst>
        </pc:spChg>
        <pc:spChg chg="add mod">
          <ac:chgData name="Oscar Llorente Gonzalez" userId="e1d48c7f-7de1-49f5-ba88-07a54202ac7d" providerId="ADAL" clId="{F37813CC-6907-4F4D-B15A-1E0D0E480B20}" dt="2025-02-18T09:24:36.400" v="239"/>
          <ac:spMkLst>
            <pc:docMk/>
            <pc:sldMk cId="3299592854" sldId="2147479827"/>
            <ac:spMk id="35" creationId="{3E32DCE9-E556-8520-AAFA-D24C1B23AA1D}"/>
          </ac:spMkLst>
        </pc:spChg>
        <pc:spChg chg="add mod">
          <ac:chgData name="Oscar Llorente Gonzalez" userId="e1d48c7f-7de1-49f5-ba88-07a54202ac7d" providerId="ADAL" clId="{F37813CC-6907-4F4D-B15A-1E0D0E480B20}" dt="2025-02-18T09:24:36.400" v="239"/>
          <ac:spMkLst>
            <pc:docMk/>
            <pc:sldMk cId="3299592854" sldId="2147479827"/>
            <ac:spMk id="36" creationId="{08E0846F-2F59-6627-850E-00F4EB95F8A5}"/>
          </ac:spMkLst>
        </pc:spChg>
        <pc:picChg chg="add mod">
          <ac:chgData name="Oscar Llorente Gonzalez" userId="e1d48c7f-7de1-49f5-ba88-07a54202ac7d" providerId="ADAL" clId="{F37813CC-6907-4F4D-B15A-1E0D0E480B20}" dt="2025-02-18T09:24:36.400" v="239"/>
          <ac:picMkLst>
            <pc:docMk/>
            <pc:sldMk cId="3299592854" sldId="2147479827"/>
            <ac:picMk id="15" creationId="{0A83416F-B4E1-0DCD-A67D-4FD73720DEA3}"/>
          </ac:picMkLst>
        </pc:picChg>
        <pc:picChg chg="add mod">
          <ac:chgData name="Oscar Llorente Gonzalez" userId="e1d48c7f-7de1-49f5-ba88-07a54202ac7d" providerId="ADAL" clId="{F37813CC-6907-4F4D-B15A-1E0D0E480B20}" dt="2025-02-18T09:24:36.400" v="239"/>
          <ac:picMkLst>
            <pc:docMk/>
            <pc:sldMk cId="3299592854" sldId="2147479827"/>
            <ac:picMk id="16" creationId="{2AF33A07-D341-388B-243A-A37C398D11F9}"/>
          </ac:picMkLst>
        </pc:picChg>
        <pc:picChg chg="add mod">
          <ac:chgData name="Oscar Llorente Gonzalez" userId="e1d48c7f-7de1-49f5-ba88-07a54202ac7d" providerId="ADAL" clId="{F37813CC-6907-4F4D-B15A-1E0D0E480B20}" dt="2025-02-18T09:24:36.400" v="239"/>
          <ac:picMkLst>
            <pc:docMk/>
            <pc:sldMk cId="3299592854" sldId="2147479827"/>
            <ac:picMk id="17" creationId="{BF69B5EA-FF1B-EBAF-5712-407F3F1D2250}"/>
          </ac:picMkLst>
        </pc:picChg>
        <pc:picChg chg="add mod">
          <ac:chgData name="Oscar Llorente Gonzalez" userId="e1d48c7f-7de1-49f5-ba88-07a54202ac7d" providerId="ADAL" clId="{F37813CC-6907-4F4D-B15A-1E0D0E480B20}" dt="2025-02-18T09:24:36.400" v="239"/>
          <ac:picMkLst>
            <pc:docMk/>
            <pc:sldMk cId="3299592854" sldId="2147479827"/>
            <ac:picMk id="18" creationId="{7AABE742-D5CC-F04B-AF69-5609E38F7631}"/>
          </ac:picMkLst>
        </pc:picChg>
        <pc:picChg chg="add mod">
          <ac:chgData name="Oscar Llorente Gonzalez" userId="e1d48c7f-7de1-49f5-ba88-07a54202ac7d" providerId="ADAL" clId="{F37813CC-6907-4F4D-B15A-1E0D0E480B20}" dt="2025-02-18T09:24:36.400" v="239"/>
          <ac:picMkLst>
            <pc:docMk/>
            <pc:sldMk cId="3299592854" sldId="2147479827"/>
            <ac:picMk id="19" creationId="{BC578E63-7D7B-AF74-EDE0-966EF5434AD1}"/>
          </ac:picMkLst>
        </pc:picChg>
        <pc:picChg chg="add mod">
          <ac:chgData name="Oscar Llorente Gonzalez" userId="e1d48c7f-7de1-49f5-ba88-07a54202ac7d" providerId="ADAL" clId="{F37813CC-6907-4F4D-B15A-1E0D0E480B20}" dt="2025-02-18T09:24:36.400" v="239"/>
          <ac:picMkLst>
            <pc:docMk/>
            <pc:sldMk cId="3299592854" sldId="2147479827"/>
            <ac:picMk id="20" creationId="{84AB337E-A81D-533D-2F48-74421630671A}"/>
          </ac:picMkLst>
        </pc:picChg>
        <pc:picChg chg="add mod">
          <ac:chgData name="Oscar Llorente Gonzalez" userId="e1d48c7f-7de1-49f5-ba88-07a54202ac7d" providerId="ADAL" clId="{F37813CC-6907-4F4D-B15A-1E0D0E480B20}" dt="2025-02-18T09:24:36.400" v="239"/>
          <ac:picMkLst>
            <pc:docMk/>
            <pc:sldMk cId="3299592854" sldId="2147479827"/>
            <ac:picMk id="21" creationId="{C3976E03-ECC4-8460-41F7-092E2D7395C6}"/>
          </ac:picMkLst>
        </pc:picChg>
        <pc:picChg chg="add mod">
          <ac:chgData name="Oscar Llorente Gonzalez" userId="e1d48c7f-7de1-49f5-ba88-07a54202ac7d" providerId="ADAL" clId="{F37813CC-6907-4F4D-B15A-1E0D0E480B20}" dt="2025-02-18T09:24:36.400" v="239"/>
          <ac:picMkLst>
            <pc:docMk/>
            <pc:sldMk cId="3299592854" sldId="2147479827"/>
            <ac:picMk id="22" creationId="{349B354B-C502-66DF-344E-7CB1D9145BDF}"/>
          </ac:picMkLst>
        </pc:picChg>
        <pc:picChg chg="add mod">
          <ac:chgData name="Oscar Llorente Gonzalez" userId="e1d48c7f-7de1-49f5-ba88-07a54202ac7d" providerId="ADAL" clId="{F37813CC-6907-4F4D-B15A-1E0D0E480B20}" dt="2025-02-18T09:24:36.400" v="239"/>
          <ac:picMkLst>
            <pc:docMk/>
            <pc:sldMk cId="3299592854" sldId="2147479827"/>
            <ac:picMk id="23" creationId="{AEF37395-36F6-0B71-D6D4-C0C464DE1DE3}"/>
          </ac:picMkLst>
        </pc:picChg>
        <pc:picChg chg="add mod">
          <ac:chgData name="Oscar Llorente Gonzalez" userId="e1d48c7f-7de1-49f5-ba88-07a54202ac7d" providerId="ADAL" clId="{F37813CC-6907-4F4D-B15A-1E0D0E480B20}" dt="2025-02-18T09:24:36.400" v="239"/>
          <ac:picMkLst>
            <pc:docMk/>
            <pc:sldMk cId="3299592854" sldId="2147479827"/>
            <ac:picMk id="24" creationId="{D8ADE99F-260A-A2E9-7B9C-DD2CBD72BFAB}"/>
          </ac:picMkLst>
        </pc:picChg>
        <pc:picChg chg="add mod">
          <ac:chgData name="Oscar Llorente Gonzalez" userId="e1d48c7f-7de1-49f5-ba88-07a54202ac7d" providerId="ADAL" clId="{F37813CC-6907-4F4D-B15A-1E0D0E480B20}" dt="2025-02-18T09:24:36.400" v="239"/>
          <ac:picMkLst>
            <pc:docMk/>
            <pc:sldMk cId="3299592854" sldId="2147479827"/>
            <ac:picMk id="25" creationId="{B1383210-E2C1-CD9A-B28C-80639056D1E3}"/>
          </ac:picMkLst>
        </pc:picChg>
        <pc:picChg chg="add mod">
          <ac:chgData name="Oscar Llorente Gonzalez" userId="e1d48c7f-7de1-49f5-ba88-07a54202ac7d" providerId="ADAL" clId="{F37813CC-6907-4F4D-B15A-1E0D0E480B20}" dt="2025-02-18T09:24:36.400" v="239"/>
          <ac:picMkLst>
            <pc:docMk/>
            <pc:sldMk cId="3299592854" sldId="2147479827"/>
            <ac:picMk id="26" creationId="{C31E5040-B5EB-BEAF-7E29-69923153F320}"/>
          </ac:picMkLst>
        </pc:picChg>
        <pc:picChg chg="add mod">
          <ac:chgData name="Oscar Llorente Gonzalez" userId="e1d48c7f-7de1-49f5-ba88-07a54202ac7d" providerId="ADAL" clId="{F37813CC-6907-4F4D-B15A-1E0D0E480B20}" dt="2025-02-18T09:24:36.400" v="239"/>
          <ac:picMkLst>
            <pc:docMk/>
            <pc:sldMk cId="3299592854" sldId="2147479827"/>
            <ac:picMk id="27" creationId="{3341B171-F6D2-C3A6-8F0D-94431FD19813}"/>
          </ac:picMkLst>
        </pc:picChg>
        <pc:picChg chg="add mod">
          <ac:chgData name="Oscar Llorente Gonzalez" userId="e1d48c7f-7de1-49f5-ba88-07a54202ac7d" providerId="ADAL" clId="{F37813CC-6907-4F4D-B15A-1E0D0E480B20}" dt="2025-02-18T09:24:36.400" v="239"/>
          <ac:picMkLst>
            <pc:docMk/>
            <pc:sldMk cId="3299592854" sldId="2147479827"/>
            <ac:picMk id="28" creationId="{D2BC15DE-62B1-3249-9155-DCF905AAF163}"/>
          </ac:picMkLst>
        </pc:picChg>
        <pc:picChg chg="add mod">
          <ac:chgData name="Oscar Llorente Gonzalez" userId="e1d48c7f-7de1-49f5-ba88-07a54202ac7d" providerId="ADAL" clId="{F37813CC-6907-4F4D-B15A-1E0D0E480B20}" dt="2025-02-18T09:24:36.400" v="239"/>
          <ac:picMkLst>
            <pc:docMk/>
            <pc:sldMk cId="3299592854" sldId="2147479827"/>
            <ac:picMk id="29" creationId="{3CD79406-6C3E-1E75-FECD-A992AB6F4BD8}"/>
          </ac:picMkLst>
        </pc:picChg>
        <pc:picChg chg="add mod">
          <ac:chgData name="Oscar Llorente Gonzalez" userId="e1d48c7f-7de1-49f5-ba88-07a54202ac7d" providerId="ADAL" clId="{F37813CC-6907-4F4D-B15A-1E0D0E480B20}" dt="2025-02-18T09:24:36.400" v="239"/>
          <ac:picMkLst>
            <pc:docMk/>
            <pc:sldMk cId="3299592854" sldId="2147479827"/>
            <ac:picMk id="30" creationId="{36316E21-ED75-A7C5-1B5E-FD4309E283B3}"/>
          </ac:picMkLst>
        </pc:picChg>
        <pc:picChg chg="add mod">
          <ac:chgData name="Oscar Llorente Gonzalez" userId="e1d48c7f-7de1-49f5-ba88-07a54202ac7d" providerId="ADAL" clId="{F37813CC-6907-4F4D-B15A-1E0D0E480B20}" dt="2025-02-18T09:24:36.400" v="239"/>
          <ac:picMkLst>
            <pc:docMk/>
            <pc:sldMk cId="3299592854" sldId="2147479827"/>
            <ac:picMk id="31" creationId="{EA5E1AB5-FB91-1BDF-73D9-EB4FA9B0FA2F}"/>
          </ac:picMkLst>
        </pc:picChg>
        <pc:picChg chg="add mod">
          <ac:chgData name="Oscar Llorente Gonzalez" userId="e1d48c7f-7de1-49f5-ba88-07a54202ac7d" providerId="ADAL" clId="{F37813CC-6907-4F4D-B15A-1E0D0E480B20}" dt="2025-02-18T09:24:36.400" v="239"/>
          <ac:picMkLst>
            <pc:docMk/>
            <pc:sldMk cId="3299592854" sldId="2147479827"/>
            <ac:picMk id="32" creationId="{59D89D8A-5262-1DB0-2932-3376EC43254E}"/>
          </ac:picMkLst>
        </pc:picChg>
        <pc:picChg chg="add">
          <ac:chgData name="Oscar Llorente Gonzalez" userId="e1d48c7f-7de1-49f5-ba88-07a54202ac7d" providerId="ADAL" clId="{F37813CC-6907-4F4D-B15A-1E0D0E480B20}" dt="2025-02-18T09:24:44.459" v="241"/>
          <ac:picMkLst>
            <pc:docMk/>
            <pc:sldMk cId="3299592854" sldId="2147479827"/>
            <ac:picMk id="37" creationId="{807A325D-37F0-35D8-6C12-1C0E71CBCD45}"/>
          </ac:picMkLst>
        </pc:picChg>
        <pc:cxnChg chg="add mod">
          <ac:chgData name="Oscar Llorente Gonzalez" userId="e1d48c7f-7de1-49f5-ba88-07a54202ac7d" providerId="ADAL" clId="{F37813CC-6907-4F4D-B15A-1E0D0E480B20}" dt="2025-02-18T09:24:36.400" v="239"/>
          <ac:cxnSpMkLst>
            <pc:docMk/>
            <pc:sldMk cId="3299592854" sldId="2147479827"/>
            <ac:cxnSpMk id="34" creationId="{952609F5-A621-A063-0EF4-657BF88084F4}"/>
          </ac:cxnSpMkLst>
        </pc:cxnChg>
      </pc:sldChg>
      <pc:sldChg chg="addSp delSp modSp new mod modAnim">
        <pc:chgData name="Oscar Llorente Gonzalez" userId="e1d48c7f-7de1-49f5-ba88-07a54202ac7d" providerId="ADAL" clId="{F37813CC-6907-4F4D-B15A-1E0D0E480B20}" dt="2025-02-18T09:27:31.657" v="312" actId="1076"/>
        <pc:sldMkLst>
          <pc:docMk/>
          <pc:sldMk cId="3265116380" sldId="2147479828"/>
        </pc:sldMkLst>
        <pc:spChg chg="del mod">
          <ac:chgData name="Oscar Llorente Gonzalez" userId="e1d48c7f-7de1-49f5-ba88-07a54202ac7d" providerId="ADAL" clId="{F37813CC-6907-4F4D-B15A-1E0D0E480B20}" dt="2025-02-18T09:27:23.550" v="310" actId="478"/>
          <ac:spMkLst>
            <pc:docMk/>
            <pc:sldMk cId="3265116380" sldId="2147479828"/>
            <ac:spMk id="2" creationId="{463F8378-C9D0-78A5-B7D3-19A3C0AFF8A7}"/>
          </ac:spMkLst>
        </pc:spChg>
        <pc:spChg chg="del">
          <ac:chgData name="Oscar Llorente Gonzalez" userId="e1d48c7f-7de1-49f5-ba88-07a54202ac7d" providerId="ADAL" clId="{F37813CC-6907-4F4D-B15A-1E0D0E480B20}" dt="2025-02-18T09:26:41.031" v="279" actId="478"/>
          <ac:spMkLst>
            <pc:docMk/>
            <pc:sldMk cId="3265116380" sldId="2147479828"/>
            <ac:spMk id="3" creationId="{60D7F4C9-210E-E1C1-6A43-E3B1F6A88779}"/>
          </ac:spMkLst>
        </pc:spChg>
        <pc:spChg chg="add mod">
          <ac:chgData name="Oscar Llorente Gonzalez" userId="e1d48c7f-7de1-49f5-ba88-07a54202ac7d" providerId="ADAL" clId="{F37813CC-6907-4F4D-B15A-1E0D0E480B20}" dt="2025-02-18T09:25:06.098" v="245"/>
          <ac:spMkLst>
            <pc:docMk/>
            <pc:sldMk cId="3265116380" sldId="2147479828"/>
            <ac:spMk id="4" creationId="{BE8F2AAA-3B88-0C40-688E-1318FF8EE957}"/>
          </ac:spMkLst>
        </pc:spChg>
        <pc:spChg chg="add mod">
          <ac:chgData name="Oscar Llorente Gonzalez" userId="e1d48c7f-7de1-49f5-ba88-07a54202ac7d" providerId="ADAL" clId="{F37813CC-6907-4F4D-B15A-1E0D0E480B20}" dt="2025-02-18T09:25:06.098" v="245"/>
          <ac:spMkLst>
            <pc:docMk/>
            <pc:sldMk cId="3265116380" sldId="2147479828"/>
            <ac:spMk id="5" creationId="{F271617C-ADA1-C002-0184-A1039F615002}"/>
          </ac:spMkLst>
        </pc:spChg>
        <pc:spChg chg="add mod">
          <ac:chgData name="Oscar Llorente Gonzalez" userId="e1d48c7f-7de1-49f5-ba88-07a54202ac7d" providerId="ADAL" clId="{F37813CC-6907-4F4D-B15A-1E0D0E480B20}" dt="2025-02-18T09:25:06.098" v="245"/>
          <ac:spMkLst>
            <pc:docMk/>
            <pc:sldMk cId="3265116380" sldId="2147479828"/>
            <ac:spMk id="13" creationId="{CE40DE94-2BF9-CE87-716A-E44E7D71BA5B}"/>
          </ac:spMkLst>
        </pc:spChg>
        <pc:spChg chg="add mod">
          <ac:chgData name="Oscar Llorente Gonzalez" userId="e1d48c7f-7de1-49f5-ba88-07a54202ac7d" providerId="ADAL" clId="{F37813CC-6907-4F4D-B15A-1E0D0E480B20}" dt="2025-02-18T09:25:06.098" v="245"/>
          <ac:spMkLst>
            <pc:docMk/>
            <pc:sldMk cId="3265116380" sldId="2147479828"/>
            <ac:spMk id="14" creationId="{8BC858B6-9369-7DA5-DE84-255A4F90E996}"/>
          </ac:spMkLst>
        </pc:spChg>
        <pc:spChg chg="add mod">
          <ac:chgData name="Oscar Llorente Gonzalez" userId="e1d48c7f-7de1-49f5-ba88-07a54202ac7d" providerId="ADAL" clId="{F37813CC-6907-4F4D-B15A-1E0D0E480B20}" dt="2025-02-18T09:25:06.098" v="245"/>
          <ac:spMkLst>
            <pc:docMk/>
            <pc:sldMk cId="3265116380" sldId="2147479828"/>
            <ac:spMk id="15" creationId="{8DF76DB5-0F49-2A66-FF41-41BFA849E8DF}"/>
          </ac:spMkLst>
        </pc:spChg>
        <pc:spChg chg="add mod">
          <ac:chgData name="Oscar Llorente Gonzalez" userId="e1d48c7f-7de1-49f5-ba88-07a54202ac7d" providerId="ADAL" clId="{F37813CC-6907-4F4D-B15A-1E0D0E480B20}" dt="2025-02-18T09:25:06.098" v="245"/>
          <ac:spMkLst>
            <pc:docMk/>
            <pc:sldMk cId="3265116380" sldId="2147479828"/>
            <ac:spMk id="17" creationId="{00117635-F101-060A-3F18-73B95A1C286D}"/>
          </ac:spMkLst>
        </pc:spChg>
        <pc:spChg chg="add mod">
          <ac:chgData name="Oscar Llorente Gonzalez" userId="e1d48c7f-7de1-49f5-ba88-07a54202ac7d" providerId="ADAL" clId="{F37813CC-6907-4F4D-B15A-1E0D0E480B20}" dt="2025-02-18T09:25:06.098" v="245"/>
          <ac:spMkLst>
            <pc:docMk/>
            <pc:sldMk cId="3265116380" sldId="2147479828"/>
            <ac:spMk id="18" creationId="{C72F2F74-6F27-0AB2-B2C9-B08470B71DBC}"/>
          </ac:spMkLst>
        </pc:spChg>
        <pc:spChg chg="add mod">
          <ac:chgData name="Oscar Llorente Gonzalez" userId="e1d48c7f-7de1-49f5-ba88-07a54202ac7d" providerId="ADAL" clId="{F37813CC-6907-4F4D-B15A-1E0D0E480B20}" dt="2025-02-18T09:25:20.091" v="248" actId="14100"/>
          <ac:spMkLst>
            <pc:docMk/>
            <pc:sldMk cId="3265116380" sldId="2147479828"/>
            <ac:spMk id="19" creationId="{BF8A7EFC-ACD1-C780-217D-5E72EC58C003}"/>
          </ac:spMkLst>
        </pc:spChg>
        <pc:spChg chg="add mod">
          <ac:chgData name="Oscar Llorente Gonzalez" userId="e1d48c7f-7de1-49f5-ba88-07a54202ac7d" providerId="ADAL" clId="{F37813CC-6907-4F4D-B15A-1E0D0E480B20}" dt="2025-02-18T09:25:20.091" v="248" actId="14100"/>
          <ac:spMkLst>
            <pc:docMk/>
            <pc:sldMk cId="3265116380" sldId="2147479828"/>
            <ac:spMk id="20" creationId="{5548EC01-75FD-B9A6-C433-8E017ABFEE3F}"/>
          </ac:spMkLst>
        </pc:spChg>
        <pc:spChg chg="add mod">
          <ac:chgData name="Oscar Llorente Gonzalez" userId="e1d48c7f-7de1-49f5-ba88-07a54202ac7d" providerId="ADAL" clId="{F37813CC-6907-4F4D-B15A-1E0D0E480B20}" dt="2025-02-18T09:25:20.091" v="248" actId="14100"/>
          <ac:spMkLst>
            <pc:docMk/>
            <pc:sldMk cId="3265116380" sldId="2147479828"/>
            <ac:spMk id="28" creationId="{63A00D0B-66E8-1C53-9ECD-89EBF1104CC0}"/>
          </ac:spMkLst>
        </pc:spChg>
        <pc:spChg chg="add mod">
          <ac:chgData name="Oscar Llorente Gonzalez" userId="e1d48c7f-7de1-49f5-ba88-07a54202ac7d" providerId="ADAL" clId="{F37813CC-6907-4F4D-B15A-1E0D0E480B20}" dt="2025-02-18T09:25:20.091" v="248" actId="14100"/>
          <ac:spMkLst>
            <pc:docMk/>
            <pc:sldMk cId="3265116380" sldId="2147479828"/>
            <ac:spMk id="29" creationId="{14958866-FD98-8C40-0E9D-88C3CCB4ACC3}"/>
          </ac:spMkLst>
        </pc:spChg>
        <pc:spChg chg="add mod">
          <ac:chgData name="Oscar Llorente Gonzalez" userId="e1d48c7f-7de1-49f5-ba88-07a54202ac7d" providerId="ADAL" clId="{F37813CC-6907-4F4D-B15A-1E0D0E480B20}" dt="2025-02-18T09:25:20.091" v="248" actId="14100"/>
          <ac:spMkLst>
            <pc:docMk/>
            <pc:sldMk cId="3265116380" sldId="2147479828"/>
            <ac:spMk id="30" creationId="{C9EE5201-CBA2-A842-AFDC-518FD5720F69}"/>
          </ac:spMkLst>
        </pc:spChg>
        <pc:spChg chg="add mod">
          <ac:chgData name="Oscar Llorente Gonzalez" userId="e1d48c7f-7de1-49f5-ba88-07a54202ac7d" providerId="ADAL" clId="{F37813CC-6907-4F4D-B15A-1E0D0E480B20}" dt="2025-02-18T09:25:20.091" v="248" actId="14100"/>
          <ac:spMkLst>
            <pc:docMk/>
            <pc:sldMk cId="3265116380" sldId="2147479828"/>
            <ac:spMk id="32" creationId="{14A8C3D5-B1A2-45AD-99DD-74C99049F520}"/>
          </ac:spMkLst>
        </pc:spChg>
        <pc:spChg chg="add mod">
          <ac:chgData name="Oscar Llorente Gonzalez" userId="e1d48c7f-7de1-49f5-ba88-07a54202ac7d" providerId="ADAL" clId="{F37813CC-6907-4F4D-B15A-1E0D0E480B20}" dt="2025-02-18T09:25:20.091" v="248" actId="14100"/>
          <ac:spMkLst>
            <pc:docMk/>
            <pc:sldMk cId="3265116380" sldId="2147479828"/>
            <ac:spMk id="33" creationId="{D530501F-E293-86BA-D9F6-3E653D9C5740}"/>
          </ac:spMkLst>
        </pc:spChg>
        <pc:spChg chg="add mod">
          <ac:chgData name="Oscar Llorente Gonzalez" userId="e1d48c7f-7de1-49f5-ba88-07a54202ac7d" providerId="ADAL" clId="{F37813CC-6907-4F4D-B15A-1E0D0E480B20}" dt="2025-02-18T09:25:26.010" v="249"/>
          <ac:spMkLst>
            <pc:docMk/>
            <pc:sldMk cId="3265116380" sldId="2147479828"/>
            <ac:spMk id="37" creationId="{8D3E7455-A9AD-ACCE-525B-BE284D13C906}"/>
          </ac:spMkLst>
        </pc:spChg>
        <pc:spChg chg="add mod">
          <ac:chgData name="Oscar Llorente Gonzalez" userId="e1d48c7f-7de1-49f5-ba88-07a54202ac7d" providerId="ADAL" clId="{F37813CC-6907-4F4D-B15A-1E0D0E480B20}" dt="2025-02-18T09:25:26.010" v="249"/>
          <ac:spMkLst>
            <pc:docMk/>
            <pc:sldMk cId="3265116380" sldId="2147479828"/>
            <ac:spMk id="38" creationId="{4E10C0F2-CC57-DBAF-9248-9CFDA1A47A84}"/>
          </ac:spMkLst>
        </pc:spChg>
        <pc:spChg chg="add mod">
          <ac:chgData name="Oscar Llorente Gonzalez" userId="e1d48c7f-7de1-49f5-ba88-07a54202ac7d" providerId="ADAL" clId="{F37813CC-6907-4F4D-B15A-1E0D0E480B20}" dt="2025-02-18T09:25:26.010" v="249"/>
          <ac:spMkLst>
            <pc:docMk/>
            <pc:sldMk cId="3265116380" sldId="2147479828"/>
            <ac:spMk id="46" creationId="{13A26E52-B142-7F3B-BC9A-DCDF9F4E6DB4}"/>
          </ac:spMkLst>
        </pc:spChg>
        <pc:spChg chg="add mod">
          <ac:chgData name="Oscar Llorente Gonzalez" userId="e1d48c7f-7de1-49f5-ba88-07a54202ac7d" providerId="ADAL" clId="{F37813CC-6907-4F4D-B15A-1E0D0E480B20}" dt="2025-02-18T09:25:26.010" v="249"/>
          <ac:spMkLst>
            <pc:docMk/>
            <pc:sldMk cId="3265116380" sldId="2147479828"/>
            <ac:spMk id="47" creationId="{FC1180EB-724B-6D96-ADC9-2A038B82525E}"/>
          </ac:spMkLst>
        </pc:spChg>
        <pc:spChg chg="add mod">
          <ac:chgData name="Oscar Llorente Gonzalez" userId="e1d48c7f-7de1-49f5-ba88-07a54202ac7d" providerId="ADAL" clId="{F37813CC-6907-4F4D-B15A-1E0D0E480B20}" dt="2025-02-18T09:25:26.010" v="249"/>
          <ac:spMkLst>
            <pc:docMk/>
            <pc:sldMk cId="3265116380" sldId="2147479828"/>
            <ac:spMk id="48" creationId="{9AB3CF50-AAD4-4BED-0EBE-F5BA2164A5D1}"/>
          </ac:spMkLst>
        </pc:spChg>
        <pc:spChg chg="add mod">
          <ac:chgData name="Oscar Llorente Gonzalez" userId="e1d48c7f-7de1-49f5-ba88-07a54202ac7d" providerId="ADAL" clId="{F37813CC-6907-4F4D-B15A-1E0D0E480B20}" dt="2025-02-18T09:25:26.010" v="249"/>
          <ac:spMkLst>
            <pc:docMk/>
            <pc:sldMk cId="3265116380" sldId="2147479828"/>
            <ac:spMk id="50" creationId="{61CA57FC-CBAE-E125-75B9-BB3E4F08D6FE}"/>
          </ac:spMkLst>
        </pc:spChg>
        <pc:spChg chg="add mod">
          <ac:chgData name="Oscar Llorente Gonzalez" userId="e1d48c7f-7de1-49f5-ba88-07a54202ac7d" providerId="ADAL" clId="{F37813CC-6907-4F4D-B15A-1E0D0E480B20}" dt="2025-02-18T09:25:26.010" v="249"/>
          <ac:spMkLst>
            <pc:docMk/>
            <pc:sldMk cId="3265116380" sldId="2147479828"/>
            <ac:spMk id="51" creationId="{55682A86-8167-B0CD-35F3-16A51FABE9F2}"/>
          </ac:spMkLst>
        </pc:spChg>
        <pc:spChg chg="mod">
          <ac:chgData name="Oscar Llorente Gonzalez" userId="e1d48c7f-7de1-49f5-ba88-07a54202ac7d" providerId="ADAL" clId="{F37813CC-6907-4F4D-B15A-1E0D0E480B20}" dt="2025-02-18T09:26:41.201" v="280"/>
          <ac:spMkLst>
            <pc:docMk/>
            <pc:sldMk cId="3265116380" sldId="2147479828"/>
            <ac:spMk id="53" creationId="{5CEF8C57-5604-0E06-0CFD-744FFB9FCE18}"/>
          </ac:spMkLst>
        </pc:spChg>
        <pc:spChg chg="mod">
          <ac:chgData name="Oscar Llorente Gonzalez" userId="e1d48c7f-7de1-49f5-ba88-07a54202ac7d" providerId="ADAL" clId="{F37813CC-6907-4F4D-B15A-1E0D0E480B20}" dt="2025-02-18T09:26:41.201" v="280"/>
          <ac:spMkLst>
            <pc:docMk/>
            <pc:sldMk cId="3265116380" sldId="2147479828"/>
            <ac:spMk id="54" creationId="{AB6F92DD-FACA-9BEA-A098-796BB81447D2}"/>
          </ac:spMkLst>
        </pc:spChg>
        <pc:spChg chg="add mod">
          <ac:chgData name="Oscar Llorente Gonzalez" userId="e1d48c7f-7de1-49f5-ba88-07a54202ac7d" providerId="ADAL" clId="{F37813CC-6907-4F4D-B15A-1E0D0E480B20}" dt="2025-02-18T09:26:41.201" v="280"/>
          <ac:spMkLst>
            <pc:docMk/>
            <pc:sldMk cId="3265116380" sldId="2147479828"/>
            <ac:spMk id="55" creationId="{86A7D27B-38B4-74AA-377A-46E86AD50E32}"/>
          </ac:spMkLst>
        </pc:spChg>
        <pc:spChg chg="mod">
          <ac:chgData name="Oscar Llorente Gonzalez" userId="e1d48c7f-7de1-49f5-ba88-07a54202ac7d" providerId="ADAL" clId="{F37813CC-6907-4F4D-B15A-1E0D0E480B20}" dt="2025-02-18T09:26:41.201" v="280"/>
          <ac:spMkLst>
            <pc:docMk/>
            <pc:sldMk cId="3265116380" sldId="2147479828"/>
            <ac:spMk id="57" creationId="{2A2B4C05-68B1-4AA4-1B4E-2C88C7C69CF2}"/>
          </ac:spMkLst>
        </pc:spChg>
        <pc:spChg chg="mod">
          <ac:chgData name="Oscar Llorente Gonzalez" userId="e1d48c7f-7de1-49f5-ba88-07a54202ac7d" providerId="ADAL" clId="{F37813CC-6907-4F4D-B15A-1E0D0E480B20}" dt="2025-02-18T09:26:41.201" v="280"/>
          <ac:spMkLst>
            <pc:docMk/>
            <pc:sldMk cId="3265116380" sldId="2147479828"/>
            <ac:spMk id="58" creationId="{D44C6723-EA61-8D85-09CA-A6E759200CAD}"/>
          </ac:spMkLst>
        </pc:spChg>
        <pc:spChg chg="mod">
          <ac:chgData name="Oscar Llorente Gonzalez" userId="e1d48c7f-7de1-49f5-ba88-07a54202ac7d" providerId="ADAL" clId="{F37813CC-6907-4F4D-B15A-1E0D0E480B20}" dt="2025-02-18T09:26:41.201" v="280"/>
          <ac:spMkLst>
            <pc:docMk/>
            <pc:sldMk cId="3265116380" sldId="2147479828"/>
            <ac:spMk id="59" creationId="{7F5D57C1-1986-1AE8-B4FA-56F020384998}"/>
          </ac:spMkLst>
        </pc:spChg>
        <pc:spChg chg="mod">
          <ac:chgData name="Oscar Llorente Gonzalez" userId="e1d48c7f-7de1-49f5-ba88-07a54202ac7d" providerId="ADAL" clId="{F37813CC-6907-4F4D-B15A-1E0D0E480B20}" dt="2025-02-18T09:26:41.201" v="280"/>
          <ac:spMkLst>
            <pc:docMk/>
            <pc:sldMk cId="3265116380" sldId="2147479828"/>
            <ac:spMk id="60" creationId="{AB3E1A48-D09A-AD24-20EB-86E3E7B5218E}"/>
          </ac:spMkLst>
        </pc:spChg>
        <pc:spChg chg="add mod">
          <ac:chgData name="Oscar Llorente Gonzalez" userId="e1d48c7f-7de1-49f5-ba88-07a54202ac7d" providerId="ADAL" clId="{F37813CC-6907-4F4D-B15A-1E0D0E480B20}" dt="2025-02-18T09:26:41.201" v="280"/>
          <ac:spMkLst>
            <pc:docMk/>
            <pc:sldMk cId="3265116380" sldId="2147479828"/>
            <ac:spMk id="61" creationId="{447B0DBA-82F1-0B62-0C8A-061D223E795E}"/>
          </ac:spMkLst>
        </pc:spChg>
        <pc:spChg chg="mod">
          <ac:chgData name="Oscar Llorente Gonzalez" userId="e1d48c7f-7de1-49f5-ba88-07a54202ac7d" providerId="ADAL" clId="{F37813CC-6907-4F4D-B15A-1E0D0E480B20}" dt="2025-02-18T09:26:41.201" v="280"/>
          <ac:spMkLst>
            <pc:docMk/>
            <pc:sldMk cId="3265116380" sldId="2147479828"/>
            <ac:spMk id="63" creationId="{0D2F9353-CD06-BCDA-FED0-229FE181620C}"/>
          </ac:spMkLst>
        </pc:spChg>
        <pc:spChg chg="mod">
          <ac:chgData name="Oscar Llorente Gonzalez" userId="e1d48c7f-7de1-49f5-ba88-07a54202ac7d" providerId="ADAL" clId="{F37813CC-6907-4F4D-B15A-1E0D0E480B20}" dt="2025-02-18T09:26:41.201" v="280"/>
          <ac:spMkLst>
            <pc:docMk/>
            <pc:sldMk cId="3265116380" sldId="2147479828"/>
            <ac:spMk id="64" creationId="{CA0A1E5F-11EF-E8CA-E43E-3741A2F9BA9A}"/>
          </ac:spMkLst>
        </pc:spChg>
        <pc:spChg chg="add mod">
          <ac:chgData name="Oscar Llorente Gonzalez" userId="e1d48c7f-7de1-49f5-ba88-07a54202ac7d" providerId="ADAL" clId="{F37813CC-6907-4F4D-B15A-1E0D0E480B20}" dt="2025-02-18T09:26:41.201" v="280"/>
          <ac:spMkLst>
            <pc:docMk/>
            <pc:sldMk cId="3265116380" sldId="2147479828"/>
            <ac:spMk id="65" creationId="{BFD52A41-23C5-84CC-EF1A-187316C00F54}"/>
          </ac:spMkLst>
        </pc:spChg>
        <pc:spChg chg="add mod">
          <ac:chgData name="Oscar Llorente Gonzalez" userId="e1d48c7f-7de1-49f5-ba88-07a54202ac7d" providerId="ADAL" clId="{F37813CC-6907-4F4D-B15A-1E0D0E480B20}" dt="2025-02-18T09:26:41.201" v="280"/>
          <ac:spMkLst>
            <pc:docMk/>
            <pc:sldMk cId="3265116380" sldId="2147479828"/>
            <ac:spMk id="66" creationId="{2739B237-3785-C252-0904-F8F64049D0FA}"/>
          </ac:spMkLst>
        </pc:spChg>
        <pc:spChg chg="mod">
          <ac:chgData name="Oscar Llorente Gonzalez" userId="e1d48c7f-7de1-49f5-ba88-07a54202ac7d" providerId="ADAL" clId="{F37813CC-6907-4F4D-B15A-1E0D0E480B20}" dt="2025-02-18T09:26:41.201" v="280"/>
          <ac:spMkLst>
            <pc:docMk/>
            <pc:sldMk cId="3265116380" sldId="2147479828"/>
            <ac:spMk id="79" creationId="{A4597934-3594-1CAC-09B5-88C875672FF5}"/>
          </ac:spMkLst>
        </pc:spChg>
        <pc:spChg chg="mod">
          <ac:chgData name="Oscar Llorente Gonzalez" userId="e1d48c7f-7de1-49f5-ba88-07a54202ac7d" providerId="ADAL" clId="{F37813CC-6907-4F4D-B15A-1E0D0E480B20}" dt="2025-02-18T09:26:41.201" v="280"/>
          <ac:spMkLst>
            <pc:docMk/>
            <pc:sldMk cId="3265116380" sldId="2147479828"/>
            <ac:spMk id="80" creationId="{517B8159-58A6-6A3C-8FE7-3E40C27F8ADD}"/>
          </ac:spMkLst>
        </pc:spChg>
        <pc:spChg chg="mod">
          <ac:chgData name="Oscar Llorente Gonzalez" userId="e1d48c7f-7de1-49f5-ba88-07a54202ac7d" providerId="ADAL" clId="{F37813CC-6907-4F4D-B15A-1E0D0E480B20}" dt="2025-02-18T09:26:41.201" v="280"/>
          <ac:spMkLst>
            <pc:docMk/>
            <pc:sldMk cId="3265116380" sldId="2147479828"/>
            <ac:spMk id="81" creationId="{42F4657C-DB7F-1F6C-E340-5FC49ACC6609}"/>
          </ac:spMkLst>
        </pc:spChg>
        <pc:spChg chg="mod">
          <ac:chgData name="Oscar Llorente Gonzalez" userId="e1d48c7f-7de1-49f5-ba88-07a54202ac7d" providerId="ADAL" clId="{F37813CC-6907-4F4D-B15A-1E0D0E480B20}" dt="2025-02-18T09:26:41.201" v="280"/>
          <ac:spMkLst>
            <pc:docMk/>
            <pc:sldMk cId="3265116380" sldId="2147479828"/>
            <ac:spMk id="82" creationId="{08521A05-FBD4-41C4-29EA-19A20C5DA16C}"/>
          </ac:spMkLst>
        </pc:spChg>
        <pc:spChg chg="mod">
          <ac:chgData name="Oscar Llorente Gonzalez" userId="e1d48c7f-7de1-49f5-ba88-07a54202ac7d" providerId="ADAL" clId="{F37813CC-6907-4F4D-B15A-1E0D0E480B20}" dt="2025-02-18T09:26:41.201" v="280"/>
          <ac:spMkLst>
            <pc:docMk/>
            <pc:sldMk cId="3265116380" sldId="2147479828"/>
            <ac:spMk id="83" creationId="{4ED7388E-B795-6525-68B9-EB742C74E865}"/>
          </ac:spMkLst>
        </pc:spChg>
        <pc:spChg chg="mod">
          <ac:chgData name="Oscar Llorente Gonzalez" userId="e1d48c7f-7de1-49f5-ba88-07a54202ac7d" providerId="ADAL" clId="{F37813CC-6907-4F4D-B15A-1E0D0E480B20}" dt="2025-02-18T09:26:41.201" v="280"/>
          <ac:spMkLst>
            <pc:docMk/>
            <pc:sldMk cId="3265116380" sldId="2147479828"/>
            <ac:spMk id="84" creationId="{7C7C30B6-B651-7DD6-60E8-B62A4E3710DA}"/>
          </ac:spMkLst>
        </pc:spChg>
        <pc:spChg chg="mod">
          <ac:chgData name="Oscar Llorente Gonzalez" userId="e1d48c7f-7de1-49f5-ba88-07a54202ac7d" providerId="ADAL" clId="{F37813CC-6907-4F4D-B15A-1E0D0E480B20}" dt="2025-02-18T09:26:41.201" v="280"/>
          <ac:spMkLst>
            <pc:docMk/>
            <pc:sldMk cId="3265116380" sldId="2147479828"/>
            <ac:spMk id="85" creationId="{6419C696-1BAF-4FCB-E407-32A6BA91BF72}"/>
          </ac:spMkLst>
        </pc:spChg>
        <pc:spChg chg="mod">
          <ac:chgData name="Oscar Llorente Gonzalez" userId="e1d48c7f-7de1-49f5-ba88-07a54202ac7d" providerId="ADAL" clId="{F37813CC-6907-4F4D-B15A-1E0D0E480B20}" dt="2025-02-18T09:26:41.201" v="280"/>
          <ac:spMkLst>
            <pc:docMk/>
            <pc:sldMk cId="3265116380" sldId="2147479828"/>
            <ac:spMk id="86" creationId="{1AFDC468-2539-2684-DFED-5174A91B350E}"/>
          </ac:spMkLst>
        </pc:spChg>
        <pc:spChg chg="mod">
          <ac:chgData name="Oscar Llorente Gonzalez" userId="e1d48c7f-7de1-49f5-ba88-07a54202ac7d" providerId="ADAL" clId="{F37813CC-6907-4F4D-B15A-1E0D0E480B20}" dt="2025-02-18T09:26:41.201" v="280"/>
          <ac:spMkLst>
            <pc:docMk/>
            <pc:sldMk cId="3265116380" sldId="2147479828"/>
            <ac:spMk id="87" creationId="{FBA95BED-7205-37FA-0ECC-AACA8A0BC22A}"/>
          </ac:spMkLst>
        </pc:spChg>
        <pc:spChg chg="mod">
          <ac:chgData name="Oscar Llorente Gonzalez" userId="e1d48c7f-7de1-49f5-ba88-07a54202ac7d" providerId="ADAL" clId="{F37813CC-6907-4F4D-B15A-1E0D0E480B20}" dt="2025-02-18T09:26:41.201" v="280"/>
          <ac:spMkLst>
            <pc:docMk/>
            <pc:sldMk cId="3265116380" sldId="2147479828"/>
            <ac:spMk id="88" creationId="{0AF2ACB3-987F-2B6C-FE11-862E905B8064}"/>
          </ac:spMkLst>
        </pc:spChg>
        <pc:spChg chg="mod">
          <ac:chgData name="Oscar Llorente Gonzalez" userId="e1d48c7f-7de1-49f5-ba88-07a54202ac7d" providerId="ADAL" clId="{F37813CC-6907-4F4D-B15A-1E0D0E480B20}" dt="2025-02-18T09:26:41.201" v="280"/>
          <ac:spMkLst>
            <pc:docMk/>
            <pc:sldMk cId="3265116380" sldId="2147479828"/>
            <ac:spMk id="89" creationId="{814244A1-0BCE-AED5-4865-02562F60F868}"/>
          </ac:spMkLst>
        </pc:spChg>
        <pc:spChg chg="mod">
          <ac:chgData name="Oscar Llorente Gonzalez" userId="e1d48c7f-7de1-49f5-ba88-07a54202ac7d" providerId="ADAL" clId="{F37813CC-6907-4F4D-B15A-1E0D0E480B20}" dt="2025-02-18T09:26:41.201" v="280"/>
          <ac:spMkLst>
            <pc:docMk/>
            <pc:sldMk cId="3265116380" sldId="2147479828"/>
            <ac:spMk id="90" creationId="{B677E7E3-AE98-05E9-7370-83EDA0616483}"/>
          </ac:spMkLst>
        </pc:spChg>
        <pc:spChg chg="add mod">
          <ac:chgData name="Oscar Llorente Gonzalez" userId="e1d48c7f-7de1-49f5-ba88-07a54202ac7d" providerId="ADAL" clId="{F37813CC-6907-4F4D-B15A-1E0D0E480B20}" dt="2025-02-18T09:26:41.201" v="280"/>
          <ac:spMkLst>
            <pc:docMk/>
            <pc:sldMk cId="3265116380" sldId="2147479828"/>
            <ac:spMk id="91" creationId="{85F59E0E-53B3-2D65-597D-5CFB48CE237F}"/>
          </ac:spMkLst>
        </pc:spChg>
        <pc:spChg chg="mod">
          <ac:chgData name="Oscar Llorente Gonzalez" userId="e1d48c7f-7de1-49f5-ba88-07a54202ac7d" providerId="ADAL" clId="{F37813CC-6907-4F4D-B15A-1E0D0E480B20}" dt="2025-02-18T09:26:57.871" v="282"/>
          <ac:spMkLst>
            <pc:docMk/>
            <pc:sldMk cId="3265116380" sldId="2147479828"/>
            <ac:spMk id="106" creationId="{DD09C8C4-90D8-DAC1-1F02-62561D32D6B3}"/>
          </ac:spMkLst>
        </pc:spChg>
        <pc:spChg chg="mod">
          <ac:chgData name="Oscar Llorente Gonzalez" userId="e1d48c7f-7de1-49f5-ba88-07a54202ac7d" providerId="ADAL" clId="{F37813CC-6907-4F4D-B15A-1E0D0E480B20}" dt="2025-02-18T09:26:57.871" v="282"/>
          <ac:spMkLst>
            <pc:docMk/>
            <pc:sldMk cId="3265116380" sldId="2147479828"/>
            <ac:spMk id="107" creationId="{69FB8E97-B92A-AFF0-7765-9C330092A2CA}"/>
          </ac:spMkLst>
        </pc:spChg>
        <pc:spChg chg="add mod">
          <ac:chgData name="Oscar Llorente Gonzalez" userId="e1d48c7f-7de1-49f5-ba88-07a54202ac7d" providerId="ADAL" clId="{F37813CC-6907-4F4D-B15A-1E0D0E480B20}" dt="2025-02-18T09:27:31.657" v="312" actId="1076"/>
          <ac:spMkLst>
            <pc:docMk/>
            <pc:sldMk cId="3265116380" sldId="2147479828"/>
            <ac:spMk id="108" creationId="{9E5226B6-73E8-0F37-CF87-647F0A5E8BD8}"/>
          </ac:spMkLst>
        </pc:spChg>
        <pc:spChg chg="mod">
          <ac:chgData name="Oscar Llorente Gonzalez" userId="e1d48c7f-7de1-49f5-ba88-07a54202ac7d" providerId="ADAL" clId="{F37813CC-6907-4F4D-B15A-1E0D0E480B20}" dt="2025-02-18T09:26:57.871" v="282"/>
          <ac:spMkLst>
            <pc:docMk/>
            <pc:sldMk cId="3265116380" sldId="2147479828"/>
            <ac:spMk id="110" creationId="{5E59CA10-6908-33AE-BCCF-64FC5F090E32}"/>
          </ac:spMkLst>
        </pc:spChg>
        <pc:spChg chg="mod">
          <ac:chgData name="Oscar Llorente Gonzalez" userId="e1d48c7f-7de1-49f5-ba88-07a54202ac7d" providerId="ADAL" clId="{F37813CC-6907-4F4D-B15A-1E0D0E480B20}" dt="2025-02-18T09:26:57.871" v="282"/>
          <ac:spMkLst>
            <pc:docMk/>
            <pc:sldMk cId="3265116380" sldId="2147479828"/>
            <ac:spMk id="111" creationId="{84852F92-A1B7-18F8-C4D1-04A6A8F2885F}"/>
          </ac:spMkLst>
        </pc:spChg>
        <pc:spChg chg="mod">
          <ac:chgData name="Oscar Llorente Gonzalez" userId="e1d48c7f-7de1-49f5-ba88-07a54202ac7d" providerId="ADAL" clId="{F37813CC-6907-4F4D-B15A-1E0D0E480B20}" dt="2025-02-18T09:26:57.871" v="282"/>
          <ac:spMkLst>
            <pc:docMk/>
            <pc:sldMk cId="3265116380" sldId="2147479828"/>
            <ac:spMk id="112" creationId="{3F977C77-16F6-EC5C-156A-A1B0C40EED1F}"/>
          </ac:spMkLst>
        </pc:spChg>
        <pc:spChg chg="mod">
          <ac:chgData name="Oscar Llorente Gonzalez" userId="e1d48c7f-7de1-49f5-ba88-07a54202ac7d" providerId="ADAL" clId="{F37813CC-6907-4F4D-B15A-1E0D0E480B20}" dt="2025-02-18T09:26:57.871" v="282"/>
          <ac:spMkLst>
            <pc:docMk/>
            <pc:sldMk cId="3265116380" sldId="2147479828"/>
            <ac:spMk id="113" creationId="{3CCEED6A-326C-9000-5A3E-78B32493C755}"/>
          </ac:spMkLst>
        </pc:spChg>
        <pc:spChg chg="mod">
          <ac:chgData name="Oscar Llorente Gonzalez" userId="e1d48c7f-7de1-49f5-ba88-07a54202ac7d" providerId="ADAL" clId="{F37813CC-6907-4F4D-B15A-1E0D0E480B20}" dt="2025-02-18T09:26:57.871" v="282"/>
          <ac:spMkLst>
            <pc:docMk/>
            <pc:sldMk cId="3265116380" sldId="2147479828"/>
            <ac:spMk id="115" creationId="{70C9F6D5-DE8B-D887-4D71-114FFC45B5BE}"/>
          </ac:spMkLst>
        </pc:spChg>
        <pc:spChg chg="mod">
          <ac:chgData name="Oscar Llorente Gonzalez" userId="e1d48c7f-7de1-49f5-ba88-07a54202ac7d" providerId="ADAL" clId="{F37813CC-6907-4F4D-B15A-1E0D0E480B20}" dt="2025-02-18T09:26:57.871" v="282"/>
          <ac:spMkLst>
            <pc:docMk/>
            <pc:sldMk cId="3265116380" sldId="2147479828"/>
            <ac:spMk id="116" creationId="{A1308D7B-042B-3783-2871-6C8C60B10126}"/>
          </ac:spMkLst>
        </pc:spChg>
        <pc:spChg chg="mod">
          <ac:chgData name="Oscar Llorente Gonzalez" userId="e1d48c7f-7de1-49f5-ba88-07a54202ac7d" providerId="ADAL" clId="{F37813CC-6907-4F4D-B15A-1E0D0E480B20}" dt="2025-02-18T09:26:57.871" v="282"/>
          <ac:spMkLst>
            <pc:docMk/>
            <pc:sldMk cId="3265116380" sldId="2147479828"/>
            <ac:spMk id="117" creationId="{4426C33B-A272-58A7-A351-4F48C8DF9BC9}"/>
          </ac:spMkLst>
        </pc:spChg>
        <pc:spChg chg="mod">
          <ac:chgData name="Oscar Llorente Gonzalez" userId="e1d48c7f-7de1-49f5-ba88-07a54202ac7d" providerId="ADAL" clId="{F37813CC-6907-4F4D-B15A-1E0D0E480B20}" dt="2025-02-18T09:26:57.871" v="282"/>
          <ac:spMkLst>
            <pc:docMk/>
            <pc:sldMk cId="3265116380" sldId="2147479828"/>
            <ac:spMk id="118" creationId="{7A425C9E-1B23-C9B3-DD7A-4F18A22AC6F5}"/>
          </ac:spMkLst>
        </pc:spChg>
        <pc:spChg chg="mod">
          <ac:chgData name="Oscar Llorente Gonzalez" userId="e1d48c7f-7de1-49f5-ba88-07a54202ac7d" providerId="ADAL" clId="{F37813CC-6907-4F4D-B15A-1E0D0E480B20}" dt="2025-02-18T09:26:57.871" v="282"/>
          <ac:spMkLst>
            <pc:docMk/>
            <pc:sldMk cId="3265116380" sldId="2147479828"/>
            <ac:spMk id="119" creationId="{49D5524F-EB03-D0B0-DDD0-F492E73FC891}"/>
          </ac:spMkLst>
        </pc:spChg>
        <pc:spChg chg="mod">
          <ac:chgData name="Oscar Llorente Gonzalez" userId="e1d48c7f-7de1-49f5-ba88-07a54202ac7d" providerId="ADAL" clId="{F37813CC-6907-4F4D-B15A-1E0D0E480B20}" dt="2025-02-18T09:26:57.871" v="282"/>
          <ac:spMkLst>
            <pc:docMk/>
            <pc:sldMk cId="3265116380" sldId="2147479828"/>
            <ac:spMk id="120" creationId="{F07D8D47-F02D-803F-5D6E-402C7D3F49CD}"/>
          </ac:spMkLst>
        </pc:spChg>
        <pc:spChg chg="mod">
          <ac:chgData name="Oscar Llorente Gonzalez" userId="e1d48c7f-7de1-49f5-ba88-07a54202ac7d" providerId="ADAL" clId="{F37813CC-6907-4F4D-B15A-1E0D0E480B20}" dt="2025-02-18T09:26:57.871" v="282"/>
          <ac:spMkLst>
            <pc:docMk/>
            <pc:sldMk cId="3265116380" sldId="2147479828"/>
            <ac:spMk id="121" creationId="{2017DA66-4949-B198-143A-7F7B3BE6B1D9}"/>
          </ac:spMkLst>
        </pc:spChg>
        <pc:spChg chg="mod">
          <ac:chgData name="Oscar Llorente Gonzalez" userId="e1d48c7f-7de1-49f5-ba88-07a54202ac7d" providerId="ADAL" clId="{F37813CC-6907-4F4D-B15A-1E0D0E480B20}" dt="2025-02-18T09:26:57.871" v="282"/>
          <ac:spMkLst>
            <pc:docMk/>
            <pc:sldMk cId="3265116380" sldId="2147479828"/>
            <ac:spMk id="122" creationId="{F511BBE5-873E-9EEF-1E53-3C7EA87C7442}"/>
          </ac:spMkLst>
        </pc:spChg>
        <pc:spChg chg="mod">
          <ac:chgData name="Oscar Llorente Gonzalez" userId="e1d48c7f-7de1-49f5-ba88-07a54202ac7d" providerId="ADAL" clId="{F37813CC-6907-4F4D-B15A-1E0D0E480B20}" dt="2025-02-18T09:26:57.871" v="282"/>
          <ac:spMkLst>
            <pc:docMk/>
            <pc:sldMk cId="3265116380" sldId="2147479828"/>
            <ac:spMk id="123" creationId="{F0613B1B-BA1E-6BCC-09D9-9E1836A249D0}"/>
          </ac:spMkLst>
        </pc:spChg>
        <pc:spChg chg="mod">
          <ac:chgData name="Oscar Llorente Gonzalez" userId="e1d48c7f-7de1-49f5-ba88-07a54202ac7d" providerId="ADAL" clId="{F37813CC-6907-4F4D-B15A-1E0D0E480B20}" dt="2025-02-18T09:26:57.871" v="282"/>
          <ac:spMkLst>
            <pc:docMk/>
            <pc:sldMk cId="3265116380" sldId="2147479828"/>
            <ac:spMk id="124" creationId="{09C64BED-785E-FE34-793F-0AEABBDA5FB3}"/>
          </ac:spMkLst>
        </pc:spChg>
        <pc:spChg chg="add mod">
          <ac:chgData name="Oscar Llorente Gonzalez" userId="e1d48c7f-7de1-49f5-ba88-07a54202ac7d" providerId="ADAL" clId="{F37813CC-6907-4F4D-B15A-1E0D0E480B20}" dt="2025-02-18T09:27:31.657" v="312" actId="1076"/>
          <ac:spMkLst>
            <pc:docMk/>
            <pc:sldMk cId="3265116380" sldId="2147479828"/>
            <ac:spMk id="125" creationId="{2A39BC79-3CB4-0266-D057-3C996D689327}"/>
          </ac:spMkLst>
        </pc:spChg>
        <pc:spChg chg="mod">
          <ac:chgData name="Oscar Llorente Gonzalez" userId="e1d48c7f-7de1-49f5-ba88-07a54202ac7d" providerId="ADAL" clId="{F37813CC-6907-4F4D-B15A-1E0D0E480B20}" dt="2025-02-18T09:26:57.871" v="282"/>
          <ac:spMkLst>
            <pc:docMk/>
            <pc:sldMk cId="3265116380" sldId="2147479828"/>
            <ac:spMk id="127" creationId="{8A505F06-7566-36F8-9E65-28DC1E847FBC}"/>
          </ac:spMkLst>
        </pc:spChg>
        <pc:spChg chg="mod">
          <ac:chgData name="Oscar Llorente Gonzalez" userId="e1d48c7f-7de1-49f5-ba88-07a54202ac7d" providerId="ADAL" clId="{F37813CC-6907-4F4D-B15A-1E0D0E480B20}" dt="2025-02-18T09:26:57.871" v="282"/>
          <ac:spMkLst>
            <pc:docMk/>
            <pc:sldMk cId="3265116380" sldId="2147479828"/>
            <ac:spMk id="128" creationId="{5FB138CE-84E7-930E-DA9B-E155A217A323}"/>
          </ac:spMkLst>
        </pc:spChg>
        <pc:spChg chg="mod">
          <ac:chgData name="Oscar Llorente Gonzalez" userId="e1d48c7f-7de1-49f5-ba88-07a54202ac7d" providerId="ADAL" clId="{F37813CC-6907-4F4D-B15A-1E0D0E480B20}" dt="2025-02-18T09:26:57.871" v="282"/>
          <ac:spMkLst>
            <pc:docMk/>
            <pc:sldMk cId="3265116380" sldId="2147479828"/>
            <ac:spMk id="130" creationId="{BBB50851-DBCA-8EC0-D8EC-849C437F210B}"/>
          </ac:spMkLst>
        </pc:spChg>
        <pc:spChg chg="mod">
          <ac:chgData name="Oscar Llorente Gonzalez" userId="e1d48c7f-7de1-49f5-ba88-07a54202ac7d" providerId="ADAL" clId="{F37813CC-6907-4F4D-B15A-1E0D0E480B20}" dt="2025-02-18T09:26:57.871" v="282"/>
          <ac:spMkLst>
            <pc:docMk/>
            <pc:sldMk cId="3265116380" sldId="2147479828"/>
            <ac:spMk id="131" creationId="{E4CFC258-D7EF-50BA-C682-260A6BB9C39D}"/>
          </ac:spMkLst>
        </pc:spChg>
        <pc:spChg chg="mod">
          <ac:chgData name="Oscar Llorente Gonzalez" userId="e1d48c7f-7de1-49f5-ba88-07a54202ac7d" providerId="ADAL" clId="{F37813CC-6907-4F4D-B15A-1E0D0E480B20}" dt="2025-02-18T09:26:57.871" v="282"/>
          <ac:spMkLst>
            <pc:docMk/>
            <pc:sldMk cId="3265116380" sldId="2147479828"/>
            <ac:spMk id="132" creationId="{E63480B9-D268-9511-AE44-7F8F4925F435}"/>
          </ac:spMkLst>
        </pc:spChg>
        <pc:spChg chg="mod">
          <ac:chgData name="Oscar Llorente Gonzalez" userId="e1d48c7f-7de1-49f5-ba88-07a54202ac7d" providerId="ADAL" clId="{F37813CC-6907-4F4D-B15A-1E0D0E480B20}" dt="2025-02-18T09:26:57.871" v="282"/>
          <ac:spMkLst>
            <pc:docMk/>
            <pc:sldMk cId="3265116380" sldId="2147479828"/>
            <ac:spMk id="133" creationId="{61BBD59A-9D9B-2940-E27D-480031B36812}"/>
          </ac:spMkLst>
        </pc:spChg>
        <pc:spChg chg="mod">
          <ac:chgData name="Oscar Llorente Gonzalez" userId="e1d48c7f-7de1-49f5-ba88-07a54202ac7d" providerId="ADAL" clId="{F37813CC-6907-4F4D-B15A-1E0D0E480B20}" dt="2025-02-18T09:26:57.871" v="282"/>
          <ac:spMkLst>
            <pc:docMk/>
            <pc:sldMk cId="3265116380" sldId="2147479828"/>
            <ac:spMk id="134" creationId="{3CEB8C56-01A3-1F12-FEE2-9CCC49529055}"/>
          </ac:spMkLst>
        </pc:spChg>
        <pc:spChg chg="mod">
          <ac:chgData name="Oscar Llorente Gonzalez" userId="e1d48c7f-7de1-49f5-ba88-07a54202ac7d" providerId="ADAL" clId="{F37813CC-6907-4F4D-B15A-1E0D0E480B20}" dt="2025-02-18T09:26:57.871" v="282"/>
          <ac:spMkLst>
            <pc:docMk/>
            <pc:sldMk cId="3265116380" sldId="2147479828"/>
            <ac:spMk id="135" creationId="{ED4809CC-9F66-259E-16CB-AED344EB801E}"/>
          </ac:spMkLst>
        </pc:spChg>
        <pc:spChg chg="mod">
          <ac:chgData name="Oscar Llorente Gonzalez" userId="e1d48c7f-7de1-49f5-ba88-07a54202ac7d" providerId="ADAL" clId="{F37813CC-6907-4F4D-B15A-1E0D0E480B20}" dt="2025-02-18T09:26:57.871" v="282"/>
          <ac:spMkLst>
            <pc:docMk/>
            <pc:sldMk cId="3265116380" sldId="2147479828"/>
            <ac:spMk id="136" creationId="{3BBB8FBC-5EFC-818E-78CD-6932B44B6E94}"/>
          </ac:spMkLst>
        </pc:spChg>
        <pc:spChg chg="mod">
          <ac:chgData name="Oscar Llorente Gonzalez" userId="e1d48c7f-7de1-49f5-ba88-07a54202ac7d" providerId="ADAL" clId="{F37813CC-6907-4F4D-B15A-1E0D0E480B20}" dt="2025-02-18T09:26:57.871" v="282"/>
          <ac:spMkLst>
            <pc:docMk/>
            <pc:sldMk cId="3265116380" sldId="2147479828"/>
            <ac:spMk id="137" creationId="{4CF05B16-8789-5919-9872-DBFE81FFCE49}"/>
          </ac:spMkLst>
        </pc:spChg>
        <pc:spChg chg="mod">
          <ac:chgData name="Oscar Llorente Gonzalez" userId="e1d48c7f-7de1-49f5-ba88-07a54202ac7d" providerId="ADAL" clId="{F37813CC-6907-4F4D-B15A-1E0D0E480B20}" dt="2025-02-18T09:26:57.871" v="282"/>
          <ac:spMkLst>
            <pc:docMk/>
            <pc:sldMk cId="3265116380" sldId="2147479828"/>
            <ac:spMk id="138" creationId="{01F28693-64C7-DE77-4696-92AB7685EDD0}"/>
          </ac:spMkLst>
        </pc:spChg>
        <pc:spChg chg="mod">
          <ac:chgData name="Oscar Llorente Gonzalez" userId="e1d48c7f-7de1-49f5-ba88-07a54202ac7d" providerId="ADAL" clId="{F37813CC-6907-4F4D-B15A-1E0D0E480B20}" dt="2025-02-18T09:26:57.871" v="282"/>
          <ac:spMkLst>
            <pc:docMk/>
            <pc:sldMk cId="3265116380" sldId="2147479828"/>
            <ac:spMk id="148" creationId="{A842594A-BF35-60F9-C858-66ADF655E19C}"/>
          </ac:spMkLst>
        </pc:spChg>
        <pc:spChg chg="mod">
          <ac:chgData name="Oscar Llorente Gonzalez" userId="e1d48c7f-7de1-49f5-ba88-07a54202ac7d" providerId="ADAL" clId="{F37813CC-6907-4F4D-B15A-1E0D0E480B20}" dt="2025-02-18T09:26:57.871" v="282"/>
          <ac:spMkLst>
            <pc:docMk/>
            <pc:sldMk cId="3265116380" sldId="2147479828"/>
            <ac:spMk id="149" creationId="{1A10692B-0D75-A88A-00C9-5CD60B9ADED2}"/>
          </ac:spMkLst>
        </pc:spChg>
        <pc:spChg chg="mod">
          <ac:chgData name="Oscar Llorente Gonzalez" userId="e1d48c7f-7de1-49f5-ba88-07a54202ac7d" providerId="ADAL" clId="{F37813CC-6907-4F4D-B15A-1E0D0E480B20}" dt="2025-02-18T09:26:57.871" v="282"/>
          <ac:spMkLst>
            <pc:docMk/>
            <pc:sldMk cId="3265116380" sldId="2147479828"/>
            <ac:spMk id="150" creationId="{F6D8B82D-F479-60BD-511C-9F5F2483B4D2}"/>
          </ac:spMkLst>
        </pc:spChg>
        <pc:spChg chg="mod">
          <ac:chgData name="Oscar Llorente Gonzalez" userId="e1d48c7f-7de1-49f5-ba88-07a54202ac7d" providerId="ADAL" clId="{F37813CC-6907-4F4D-B15A-1E0D0E480B20}" dt="2025-02-18T09:26:57.871" v="282"/>
          <ac:spMkLst>
            <pc:docMk/>
            <pc:sldMk cId="3265116380" sldId="2147479828"/>
            <ac:spMk id="151" creationId="{1B04DE84-A820-EFEB-06B2-C564CC646023}"/>
          </ac:spMkLst>
        </pc:spChg>
        <pc:spChg chg="mod">
          <ac:chgData name="Oscar Llorente Gonzalez" userId="e1d48c7f-7de1-49f5-ba88-07a54202ac7d" providerId="ADAL" clId="{F37813CC-6907-4F4D-B15A-1E0D0E480B20}" dt="2025-02-18T09:26:57.871" v="282"/>
          <ac:spMkLst>
            <pc:docMk/>
            <pc:sldMk cId="3265116380" sldId="2147479828"/>
            <ac:spMk id="153" creationId="{67DC0947-DE32-A6D9-3012-AFB6B87F19B7}"/>
          </ac:spMkLst>
        </pc:spChg>
        <pc:spChg chg="mod">
          <ac:chgData name="Oscar Llorente Gonzalez" userId="e1d48c7f-7de1-49f5-ba88-07a54202ac7d" providerId="ADAL" clId="{F37813CC-6907-4F4D-B15A-1E0D0E480B20}" dt="2025-02-18T09:26:57.871" v="282"/>
          <ac:spMkLst>
            <pc:docMk/>
            <pc:sldMk cId="3265116380" sldId="2147479828"/>
            <ac:spMk id="154" creationId="{ACF905FC-833D-B93A-882B-8C14CCCEA94B}"/>
          </ac:spMkLst>
        </pc:spChg>
        <pc:spChg chg="mod">
          <ac:chgData name="Oscar Llorente Gonzalez" userId="e1d48c7f-7de1-49f5-ba88-07a54202ac7d" providerId="ADAL" clId="{F37813CC-6907-4F4D-B15A-1E0D0E480B20}" dt="2025-02-18T09:26:57.871" v="282"/>
          <ac:spMkLst>
            <pc:docMk/>
            <pc:sldMk cId="3265116380" sldId="2147479828"/>
            <ac:spMk id="164" creationId="{77684E09-D120-6191-74F4-92E944998D32}"/>
          </ac:spMkLst>
        </pc:spChg>
        <pc:spChg chg="mod">
          <ac:chgData name="Oscar Llorente Gonzalez" userId="e1d48c7f-7de1-49f5-ba88-07a54202ac7d" providerId="ADAL" clId="{F37813CC-6907-4F4D-B15A-1E0D0E480B20}" dt="2025-02-18T09:26:57.871" v="282"/>
          <ac:spMkLst>
            <pc:docMk/>
            <pc:sldMk cId="3265116380" sldId="2147479828"/>
            <ac:spMk id="165" creationId="{17CFB097-E280-23B7-EB9A-D88BF9520D1F}"/>
          </ac:spMkLst>
        </pc:spChg>
        <pc:spChg chg="mod">
          <ac:chgData name="Oscar Llorente Gonzalez" userId="e1d48c7f-7de1-49f5-ba88-07a54202ac7d" providerId="ADAL" clId="{F37813CC-6907-4F4D-B15A-1E0D0E480B20}" dt="2025-02-18T09:26:57.871" v="282"/>
          <ac:spMkLst>
            <pc:docMk/>
            <pc:sldMk cId="3265116380" sldId="2147479828"/>
            <ac:spMk id="166" creationId="{F75A4CBE-A90D-955D-6A0F-8725757DAA45}"/>
          </ac:spMkLst>
        </pc:spChg>
        <pc:spChg chg="mod">
          <ac:chgData name="Oscar Llorente Gonzalez" userId="e1d48c7f-7de1-49f5-ba88-07a54202ac7d" providerId="ADAL" clId="{F37813CC-6907-4F4D-B15A-1E0D0E480B20}" dt="2025-02-18T09:26:57.871" v="282"/>
          <ac:spMkLst>
            <pc:docMk/>
            <pc:sldMk cId="3265116380" sldId="2147479828"/>
            <ac:spMk id="167" creationId="{8AA5B9C7-9C4D-53F0-8FE6-E6C9C6219D38}"/>
          </ac:spMkLst>
        </pc:spChg>
        <pc:spChg chg="mod">
          <ac:chgData name="Oscar Llorente Gonzalez" userId="e1d48c7f-7de1-49f5-ba88-07a54202ac7d" providerId="ADAL" clId="{F37813CC-6907-4F4D-B15A-1E0D0E480B20}" dt="2025-02-18T09:26:57.871" v="282"/>
          <ac:spMkLst>
            <pc:docMk/>
            <pc:sldMk cId="3265116380" sldId="2147479828"/>
            <ac:spMk id="168" creationId="{B900C149-967E-9493-ED4A-EFD7F7332441}"/>
          </ac:spMkLst>
        </pc:spChg>
        <pc:spChg chg="mod">
          <ac:chgData name="Oscar Llorente Gonzalez" userId="e1d48c7f-7de1-49f5-ba88-07a54202ac7d" providerId="ADAL" clId="{F37813CC-6907-4F4D-B15A-1E0D0E480B20}" dt="2025-02-18T09:26:57.871" v="282"/>
          <ac:spMkLst>
            <pc:docMk/>
            <pc:sldMk cId="3265116380" sldId="2147479828"/>
            <ac:spMk id="169" creationId="{AC6625DD-315A-0763-F222-9A134F5530E9}"/>
          </ac:spMkLst>
        </pc:spChg>
        <pc:spChg chg="mod">
          <ac:chgData name="Oscar Llorente Gonzalez" userId="e1d48c7f-7de1-49f5-ba88-07a54202ac7d" providerId="ADAL" clId="{F37813CC-6907-4F4D-B15A-1E0D0E480B20}" dt="2025-02-18T09:26:57.871" v="282"/>
          <ac:spMkLst>
            <pc:docMk/>
            <pc:sldMk cId="3265116380" sldId="2147479828"/>
            <ac:spMk id="170" creationId="{6BC28CD0-5C84-1500-4F67-AA21EFDDDA7C}"/>
          </ac:spMkLst>
        </pc:spChg>
        <pc:spChg chg="mod">
          <ac:chgData name="Oscar Llorente Gonzalez" userId="e1d48c7f-7de1-49f5-ba88-07a54202ac7d" providerId="ADAL" clId="{F37813CC-6907-4F4D-B15A-1E0D0E480B20}" dt="2025-02-18T09:26:57.871" v="282"/>
          <ac:spMkLst>
            <pc:docMk/>
            <pc:sldMk cId="3265116380" sldId="2147479828"/>
            <ac:spMk id="171" creationId="{9ED9FAED-EB17-F330-2F59-91BBE70CF31D}"/>
          </ac:spMkLst>
        </pc:spChg>
        <pc:spChg chg="add mod">
          <ac:chgData name="Oscar Llorente Gonzalez" userId="e1d48c7f-7de1-49f5-ba88-07a54202ac7d" providerId="ADAL" clId="{F37813CC-6907-4F4D-B15A-1E0D0E480B20}" dt="2025-02-18T09:27:31.657" v="312" actId="1076"/>
          <ac:spMkLst>
            <pc:docMk/>
            <pc:sldMk cId="3265116380" sldId="2147479828"/>
            <ac:spMk id="172" creationId="{DAF54E5C-DFEB-3E2E-D8FD-DA8F2B394B54}"/>
          </ac:spMkLst>
        </pc:spChg>
        <pc:spChg chg="add mod">
          <ac:chgData name="Oscar Llorente Gonzalez" userId="e1d48c7f-7de1-49f5-ba88-07a54202ac7d" providerId="ADAL" clId="{F37813CC-6907-4F4D-B15A-1E0D0E480B20}" dt="2025-02-18T09:27:31.657" v="312" actId="1076"/>
          <ac:spMkLst>
            <pc:docMk/>
            <pc:sldMk cId="3265116380" sldId="2147479828"/>
            <ac:spMk id="173" creationId="{653FF6DE-B6A9-0A59-AC48-5C4FFB3E497F}"/>
          </ac:spMkLst>
        </pc:spChg>
        <pc:spChg chg="mod">
          <ac:chgData name="Oscar Llorente Gonzalez" userId="e1d48c7f-7de1-49f5-ba88-07a54202ac7d" providerId="ADAL" clId="{F37813CC-6907-4F4D-B15A-1E0D0E480B20}" dt="2025-02-18T09:26:57.871" v="282"/>
          <ac:spMkLst>
            <pc:docMk/>
            <pc:sldMk cId="3265116380" sldId="2147479828"/>
            <ac:spMk id="186" creationId="{73BC3FE5-6CF3-DC37-F511-EB656FA0D124}"/>
          </ac:spMkLst>
        </pc:spChg>
        <pc:spChg chg="mod">
          <ac:chgData name="Oscar Llorente Gonzalez" userId="e1d48c7f-7de1-49f5-ba88-07a54202ac7d" providerId="ADAL" clId="{F37813CC-6907-4F4D-B15A-1E0D0E480B20}" dt="2025-02-18T09:26:57.871" v="282"/>
          <ac:spMkLst>
            <pc:docMk/>
            <pc:sldMk cId="3265116380" sldId="2147479828"/>
            <ac:spMk id="187" creationId="{BE327FAF-1F46-4E68-31D9-45D8A99F2996}"/>
          </ac:spMkLst>
        </pc:spChg>
        <pc:spChg chg="mod">
          <ac:chgData name="Oscar Llorente Gonzalez" userId="e1d48c7f-7de1-49f5-ba88-07a54202ac7d" providerId="ADAL" clId="{F37813CC-6907-4F4D-B15A-1E0D0E480B20}" dt="2025-02-18T09:26:57.871" v="282"/>
          <ac:spMkLst>
            <pc:docMk/>
            <pc:sldMk cId="3265116380" sldId="2147479828"/>
            <ac:spMk id="188" creationId="{0D963A25-3A13-E710-3EFE-43904C34B8DC}"/>
          </ac:spMkLst>
        </pc:spChg>
        <pc:spChg chg="mod">
          <ac:chgData name="Oscar Llorente Gonzalez" userId="e1d48c7f-7de1-49f5-ba88-07a54202ac7d" providerId="ADAL" clId="{F37813CC-6907-4F4D-B15A-1E0D0E480B20}" dt="2025-02-18T09:26:57.871" v="282"/>
          <ac:spMkLst>
            <pc:docMk/>
            <pc:sldMk cId="3265116380" sldId="2147479828"/>
            <ac:spMk id="189" creationId="{04824B8C-6CB9-9E61-E5FB-B2FFF447884E}"/>
          </ac:spMkLst>
        </pc:spChg>
        <pc:spChg chg="mod">
          <ac:chgData name="Oscar Llorente Gonzalez" userId="e1d48c7f-7de1-49f5-ba88-07a54202ac7d" providerId="ADAL" clId="{F37813CC-6907-4F4D-B15A-1E0D0E480B20}" dt="2025-02-18T09:26:57.871" v="282"/>
          <ac:spMkLst>
            <pc:docMk/>
            <pc:sldMk cId="3265116380" sldId="2147479828"/>
            <ac:spMk id="190" creationId="{8E557B28-9B64-1C60-C48E-7EBA82833C53}"/>
          </ac:spMkLst>
        </pc:spChg>
        <pc:spChg chg="mod">
          <ac:chgData name="Oscar Llorente Gonzalez" userId="e1d48c7f-7de1-49f5-ba88-07a54202ac7d" providerId="ADAL" clId="{F37813CC-6907-4F4D-B15A-1E0D0E480B20}" dt="2025-02-18T09:26:57.871" v="282"/>
          <ac:spMkLst>
            <pc:docMk/>
            <pc:sldMk cId="3265116380" sldId="2147479828"/>
            <ac:spMk id="191" creationId="{80D6A1D9-D228-3234-F391-179C6CD62133}"/>
          </ac:spMkLst>
        </pc:spChg>
        <pc:spChg chg="mod">
          <ac:chgData name="Oscar Llorente Gonzalez" userId="e1d48c7f-7de1-49f5-ba88-07a54202ac7d" providerId="ADAL" clId="{F37813CC-6907-4F4D-B15A-1E0D0E480B20}" dt="2025-02-18T09:26:57.871" v="282"/>
          <ac:spMkLst>
            <pc:docMk/>
            <pc:sldMk cId="3265116380" sldId="2147479828"/>
            <ac:spMk id="192" creationId="{3D526CA6-2763-3F09-13A2-3789096CA809}"/>
          </ac:spMkLst>
        </pc:spChg>
        <pc:spChg chg="mod">
          <ac:chgData name="Oscar Llorente Gonzalez" userId="e1d48c7f-7de1-49f5-ba88-07a54202ac7d" providerId="ADAL" clId="{F37813CC-6907-4F4D-B15A-1E0D0E480B20}" dt="2025-02-18T09:26:57.871" v="282"/>
          <ac:spMkLst>
            <pc:docMk/>
            <pc:sldMk cId="3265116380" sldId="2147479828"/>
            <ac:spMk id="193" creationId="{C6B4CCCD-6125-7847-F5F6-8E62DDA20CDD}"/>
          </ac:spMkLst>
        </pc:spChg>
        <pc:spChg chg="mod">
          <ac:chgData name="Oscar Llorente Gonzalez" userId="e1d48c7f-7de1-49f5-ba88-07a54202ac7d" providerId="ADAL" clId="{F37813CC-6907-4F4D-B15A-1E0D0E480B20}" dt="2025-02-18T09:26:57.871" v="282"/>
          <ac:spMkLst>
            <pc:docMk/>
            <pc:sldMk cId="3265116380" sldId="2147479828"/>
            <ac:spMk id="194" creationId="{123C086D-B0B1-7A91-88C7-8EDA5BF3B84E}"/>
          </ac:spMkLst>
        </pc:spChg>
        <pc:spChg chg="mod">
          <ac:chgData name="Oscar Llorente Gonzalez" userId="e1d48c7f-7de1-49f5-ba88-07a54202ac7d" providerId="ADAL" clId="{F37813CC-6907-4F4D-B15A-1E0D0E480B20}" dt="2025-02-18T09:26:57.871" v="282"/>
          <ac:spMkLst>
            <pc:docMk/>
            <pc:sldMk cId="3265116380" sldId="2147479828"/>
            <ac:spMk id="195" creationId="{A9D7C595-41A8-9BBE-98D5-E51BCF85DE70}"/>
          </ac:spMkLst>
        </pc:spChg>
        <pc:spChg chg="mod">
          <ac:chgData name="Oscar Llorente Gonzalez" userId="e1d48c7f-7de1-49f5-ba88-07a54202ac7d" providerId="ADAL" clId="{F37813CC-6907-4F4D-B15A-1E0D0E480B20}" dt="2025-02-18T09:26:57.871" v="282"/>
          <ac:spMkLst>
            <pc:docMk/>
            <pc:sldMk cId="3265116380" sldId="2147479828"/>
            <ac:spMk id="196" creationId="{60F7F3D7-ADFC-D6F5-6060-F62106BF7004}"/>
          </ac:spMkLst>
        </pc:spChg>
        <pc:spChg chg="mod">
          <ac:chgData name="Oscar Llorente Gonzalez" userId="e1d48c7f-7de1-49f5-ba88-07a54202ac7d" providerId="ADAL" clId="{F37813CC-6907-4F4D-B15A-1E0D0E480B20}" dt="2025-02-18T09:26:57.871" v="282"/>
          <ac:spMkLst>
            <pc:docMk/>
            <pc:sldMk cId="3265116380" sldId="2147479828"/>
            <ac:spMk id="197" creationId="{79AB250A-E7B5-2E2F-F356-011A295BEE2A}"/>
          </ac:spMkLst>
        </pc:spChg>
        <pc:spChg chg="add mod">
          <ac:chgData name="Oscar Llorente Gonzalez" userId="e1d48c7f-7de1-49f5-ba88-07a54202ac7d" providerId="ADAL" clId="{F37813CC-6907-4F4D-B15A-1E0D0E480B20}" dt="2025-02-18T09:27:31.657" v="312" actId="1076"/>
          <ac:spMkLst>
            <pc:docMk/>
            <pc:sldMk cId="3265116380" sldId="2147479828"/>
            <ac:spMk id="198" creationId="{D2F7C6D9-96AD-24F2-7812-412011511ADB}"/>
          </ac:spMkLst>
        </pc:spChg>
        <pc:spChg chg="add del mod">
          <ac:chgData name="Oscar Llorente Gonzalez" userId="e1d48c7f-7de1-49f5-ba88-07a54202ac7d" providerId="ADAL" clId="{F37813CC-6907-4F4D-B15A-1E0D0E480B20}" dt="2025-02-18T09:27:25.635" v="311" actId="478"/>
          <ac:spMkLst>
            <pc:docMk/>
            <pc:sldMk cId="3265116380" sldId="2147479828"/>
            <ac:spMk id="214" creationId="{27A5EBE4-7CE5-833F-A256-747F1300D7CB}"/>
          </ac:spMkLst>
        </pc:spChg>
        <pc:grpChg chg="add mod">
          <ac:chgData name="Oscar Llorente Gonzalez" userId="e1d48c7f-7de1-49f5-ba88-07a54202ac7d" providerId="ADAL" clId="{F37813CC-6907-4F4D-B15A-1E0D0E480B20}" dt="2025-02-18T09:26:41.201" v="280"/>
          <ac:grpSpMkLst>
            <pc:docMk/>
            <pc:sldMk cId="3265116380" sldId="2147479828"/>
            <ac:grpSpMk id="52" creationId="{B2790BAD-8AF8-AB85-1EEB-FE48AEC3A4B0}"/>
          </ac:grpSpMkLst>
        </pc:grpChg>
        <pc:grpChg chg="add mod">
          <ac:chgData name="Oscar Llorente Gonzalez" userId="e1d48c7f-7de1-49f5-ba88-07a54202ac7d" providerId="ADAL" clId="{F37813CC-6907-4F4D-B15A-1E0D0E480B20}" dt="2025-02-18T09:26:41.201" v="280"/>
          <ac:grpSpMkLst>
            <pc:docMk/>
            <pc:sldMk cId="3265116380" sldId="2147479828"/>
            <ac:grpSpMk id="56" creationId="{F7622C5B-91D9-7FE3-A9B2-C842E2F820EA}"/>
          </ac:grpSpMkLst>
        </pc:grpChg>
        <pc:grpChg chg="add mod">
          <ac:chgData name="Oscar Llorente Gonzalez" userId="e1d48c7f-7de1-49f5-ba88-07a54202ac7d" providerId="ADAL" clId="{F37813CC-6907-4F4D-B15A-1E0D0E480B20}" dt="2025-02-18T09:26:41.201" v="280"/>
          <ac:grpSpMkLst>
            <pc:docMk/>
            <pc:sldMk cId="3265116380" sldId="2147479828"/>
            <ac:grpSpMk id="62" creationId="{3775D2A8-1915-5822-3467-C14DADECE47D}"/>
          </ac:grpSpMkLst>
        </pc:grpChg>
        <pc:grpChg chg="add mod">
          <ac:chgData name="Oscar Llorente Gonzalez" userId="e1d48c7f-7de1-49f5-ba88-07a54202ac7d" providerId="ADAL" clId="{F37813CC-6907-4F4D-B15A-1E0D0E480B20}" dt="2025-02-18T09:26:41.201" v="280"/>
          <ac:grpSpMkLst>
            <pc:docMk/>
            <pc:sldMk cId="3265116380" sldId="2147479828"/>
            <ac:grpSpMk id="67" creationId="{EDD47DE5-D269-D00B-CAB7-70799716385D}"/>
          </ac:grpSpMkLst>
        </pc:grpChg>
        <pc:grpChg chg="mod">
          <ac:chgData name="Oscar Llorente Gonzalez" userId="e1d48c7f-7de1-49f5-ba88-07a54202ac7d" providerId="ADAL" clId="{F37813CC-6907-4F4D-B15A-1E0D0E480B20}" dt="2025-02-18T09:26:41.201" v="280"/>
          <ac:grpSpMkLst>
            <pc:docMk/>
            <pc:sldMk cId="3265116380" sldId="2147479828"/>
            <ac:grpSpMk id="68" creationId="{002B54F8-C825-3782-874F-848B4CD06E67}"/>
          </ac:grpSpMkLst>
        </pc:grpChg>
        <pc:grpChg chg="mod">
          <ac:chgData name="Oscar Llorente Gonzalez" userId="e1d48c7f-7de1-49f5-ba88-07a54202ac7d" providerId="ADAL" clId="{F37813CC-6907-4F4D-B15A-1E0D0E480B20}" dt="2025-02-18T09:26:41.201" v="280"/>
          <ac:grpSpMkLst>
            <pc:docMk/>
            <pc:sldMk cId="3265116380" sldId="2147479828"/>
            <ac:grpSpMk id="69" creationId="{CF02C8E9-4E8C-88F6-C926-AFC86AB5DD26}"/>
          </ac:grpSpMkLst>
        </pc:grpChg>
        <pc:grpChg chg="mod">
          <ac:chgData name="Oscar Llorente Gonzalez" userId="e1d48c7f-7de1-49f5-ba88-07a54202ac7d" providerId="ADAL" clId="{F37813CC-6907-4F4D-B15A-1E0D0E480B20}" dt="2025-02-18T09:26:41.201" v="280"/>
          <ac:grpSpMkLst>
            <pc:docMk/>
            <pc:sldMk cId="3265116380" sldId="2147479828"/>
            <ac:grpSpMk id="70" creationId="{E6C005E6-5EE4-5032-84BC-DDFDE06A6A2E}"/>
          </ac:grpSpMkLst>
        </pc:grpChg>
        <pc:grpChg chg="mod">
          <ac:chgData name="Oscar Llorente Gonzalez" userId="e1d48c7f-7de1-49f5-ba88-07a54202ac7d" providerId="ADAL" clId="{F37813CC-6907-4F4D-B15A-1E0D0E480B20}" dt="2025-02-18T09:26:41.201" v="280"/>
          <ac:grpSpMkLst>
            <pc:docMk/>
            <pc:sldMk cId="3265116380" sldId="2147479828"/>
            <ac:grpSpMk id="71" creationId="{D9C53BBF-6461-7FC6-2362-99E2044BE2D1}"/>
          </ac:grpSpMkLst>
        </pc:grpChg>
        <pc:grpChg chg="mod">
          <ac:chgData name="Oscar Llorente Gonzalez" userId="e1d48c7f-7de1-49f5-ba88-07a54202ac7d" providerId="ADAL" clId="{F37813CC-6907-4F4D-B15A-1E0D0E480B20}" dt="2025-02-18T09:26:41.201" v="280"/>
          <ac:grpSpMkLst>
            <pc:docMk/>
            <pc:sldMk cId="3265116380" sldId="2147479828"/>
            <ac:grpSpMk id="72" creationId="{6020E710-F14D-85B2-8C00-9A4CB23DD07E}"/>
          </ac:grpSpMkLst>
        </pc:grpChg>
        <pc:grpChg chg="mod">
          <ac:chgData name="Oscar Llorente Gonzalez" userId="e1d48c7f-7de1-49f5-ba88-07a54202ac7d" providerId="ADAL" clId="{F37813CC-6907-4F4D-B15A-1E0D0E480B20}" dt="2025-02-18T09:26:41.201" v="280"/>
          <ac:grpSpMkLst>
            <pc:docMk/>
            <pc:sldMk cId="3265116380" sldId="2147479828"/>
            <ac:grpSpMk id="73" creationId="{34F2E38C-DCA5-A9E8-C5DE-9505D3A2D7AC}"/>
          </ac:grpSpMkLst>
        </pc:grpChg>
        <pc:grpChg chg="add mod">
          <ac:chgData name="Oscar Llorente Gonzalez" userId="e1d48c7f-7de1-49f5-ba88-07a54202ac7d" providerId="ADAL" clId="{F37813CC-6907-4F4D-B15A-1E0D0E480B20}" dt="2025-02-18T09:27:31.657" v="312" actId="1076"/>
          <ac:grpSpMkLst>
            <pc:docMk/>
            <pc:sldMk cId="3265116380" sldId="2147479828"/>
            <ac:grpSpMk id="105" creationId="{8D9CE653-1957-B3B7-EA86-0D4BFE10EE7A}"/>
          </ac:grpSpMkLst>
        </pc:grpChg>
        <pc:grpChg chg="add mod">
          <ac:chgData name="Oscar Llorente Gonzalez" userId="e1d48c7f-7de1-49f5-ba88-07a54202ac7d" providerId="ADAL" clId="{F37813CC-6907-4F4D-B15A-1E0D0E480B20}" dt="2025-02-18T09:27:31.657" v="312" actId="1076"/>
          <ac:grpSpMkLst>
            <pc:docMk/>
            <pc:sldMk cId="3265116380" sldId="2147479828"/>
            <ac:grpSpMk id="109" creationId="{A2A697B5-4915-801B-065B-5D71970E4ACD}"/>
          </ac:grpSpMkLst>
        </pc:grpChg>
        <pc:grpChg chg="add mod">
          <ac:chgData name="Oscar Llorente Gonzalez" userId="e1d48c7f-7de1-49f5-ba88-07a54202ac7d" providerId="ADAL" clId="{F37813CC-6907-4F4D-B15A-1E0D0E480B20}" dt="2025-02-18T09:27:31.657" v="312" actId="1076"/>
          <ac:grpSpMkLst>
            <pc:docMk/>
            <pc:sldMk cId="3265116380" sldId="2147479828"/>
            <ac:grpSpMk id="114" creationId="{5B5C8BA1-93E5-31F8-B2D4-E7130FEDA6F8}"/>
          </ac:grpSpMkLst>
        </pc:grpChg>
        <pc:grpChg chg="add mod">
          <ac:chgData name="Oscar Llorente Gonzalez" userId="e1d48c7f-7de1-49f5-ba88-07a54202ac7d" providerId="ADAL" clId="{F37813CC-6907-4F4D-B15A-1E0D0E480B20}" dt="2025-02-18T09:27:31.657" v="312" actId="1076"/>
          <ac:grpSpMkLst>
            <pc:docMk/>
            <pc:sldMk cId="3265116380" sldId="2147479828"/>
            <ac:grpSpMk id="126" creationId="{82E453CD-A8CC-E0C8-FEAB-E56980FC3EF0}"/>
          </ac:grpSpMkLst>
        </pc:grpChg>
        <pc:grpChg chg="add mod">
          <ac:chgData name="Oscar Llorente Gonzalez" userId="e1d48c7f-7de1-49f5-ba88-07a54202ac7d" providerId="ADAL" clId="{F37813CC-6907-4F4D-B15A-1E0D0E480B20}" dt="2025-02-18T09:27:31.657" v="312" actId="1076"/>
          <ac:grpSpMkLst>
            <pc:docMk/>
            <pc:sldMk cId="3265116380" sldId="2147479828"/>
            <ac:grpSpMk id="129" creationId="{1F02E7E1-7CC0-EFBA-4117-FE4E8BC9F732}"/>
          </ac:grpSpMkLst>
        </pc:grpChg>
        <pc:grpChg chg="add mod">
          <ac:chgData name="Oscar Llorente Gonzalez" userId="e1d48c7f-7de1-49f5-ba88-07a54202ac7d" providerId="ADAL" clId="{F37813CC-6907-4F4D-B15A-1E0D0E480B20}" dt="2025-02-18T09:27:31.657" v="312" actId="1076"/>
          <ac:grpSpMkLst>
            <pc:docMk/>
            <pc:sldMk cId="3265116380" sldId="2147479828"/>
            <ac:grpSpMk id="152" creationId="{C876C5E8-9B15-E8CB-553C-E8C9D5A4AE66}"/>
          </ac:grpSpMkLst>
        </pc:grpChg>
        <pc:grpChg chg="add mod">
          <ac:chgData name="Oscar Llorente Gonzalez" userId="e1d48c7f-7de1-49f5-ba88-07a54202ac7d" providerId="ADAL" clId="{F37813CC-6907-4F4D-B15A-1E0D0E480B20}" dt="2025-02-18T09:27:31.657" v="312" actId="1076"/>
          <ac:grpSpMkLst>
            <pc:docMk/>
            <pc:sldMk cId="3265116380" sldId="2147479828"/>
            <ac:grpSpMk id="174" creationId="{485AB684-0A93-A500-9956-8AB6C49D41D6}"/>
          </ac:grpSpMkLst>
        </pc:grpChg>
        <pc:grpChg chg="mod">
          <ac:chgData name="Oscar Llorente Gonzalez" userId="e1d48c7f-7de1-49f5-ba88-07a54202ac7d" providerId="ADAL" clId="{F37813CC-6907-4F4D-B15A-1E0D0E480B20}" dt="2025-02-18T09:26:57.871" v="282"/>
          <ac:grpSpMkLst>
            <pc:docMk/>
            <pc:sldMk cId="3265116380" sldId="2147479828"/>
            <ac:grpSpMk id="175" creationId="{DF51CCF2-150E-2AEE-C95B-688237E04A9C}"/>
          </ac:grpSpMkLst>
        </pc:grpChg>
        <pc:grpChg chg="mod">
          <ac:chgData name="Oscar Llorente Gonzalez" userId="e1d48c7f-7de1-49f5-ba88-07a54202ac7d" providerId="ADAL" clId="{F37813CC-6907-4F4D-B15A-1E0D0E480B20}" dt="2025-02-18T09:26:57.871" v="282"/>
          <ac:grpSpMkLst>
            <pc:docMk/>
            <pc:sldMk cId="3265116380" sldId="2147479828"/>
            <ac:grpSpMk id="176" creationId="{8F45015C-B099-EAC1-5585-8990BE175012}"/>
          </ac:grpSpMkLst>
        </pc:grpChg>
        <pc:grpChg chg="mod">
          <ac:chgData name="Oscar Llorente Gonzalez" userId="e1d48c7f-7de1-49f5-ba88-07a54202ac7d" providerId="ADAL" clId="{F37813CC-6907-4F4D-B15A-1E0D0E480B20}" dt="2025-02-18T09:26:57.871" v="282"/>
          <ac:grpSpMkLst>
            <pc:docMk/>
            <pc:sldMk cId="3265116380" sldId="2147479828"/>
            <ac:grpSpMk id="177" creationId="{F9D9E419-61F3-9140-531C-6255A5A94B7D}"/>
          </ac:grpSpMkLst>
        </pc:grpChg>
        <pc:grpChg chg="mod">
          <ac:chgData name="Oscar Llorente Gonzalez" userId="e1d48c7f-7de1-49f5-ba88-07a54202ac7d" providerId="ADAL" clId="{F37813CC-6907-4F4D-B15A-1E0D0E480B20}" dt="2025-02-18T09:26:57.871" v="282"/>
          <ac:grpSpMkLst>
            <pc:docMk/>
            <pc:sldMk cId="3265116380" sldId="2147479828"/>
            <ac:grpSpMk id="178" creationId="{421C96B6-0027-0D04-DC58-70CE961B22E2}"/>
          </ac:grpSpMkLst>
        </pc:grpChg>
        <pc:grpChg chg="mod">
          <ac:chgData name="Oscar Llorente Gonzalez" userId="e1d48c7f-7de1-49f5-ba88-07a54202ac7d" providerId="ADAL" clId="{F37813CC-6907-4F4D-B15A-1E0D0E480B20}" dt="2025-02-18T09:26:57.871" v="282"/>
          <ac:grpSpMkLst>
            <pc:docMk/>
            <pc:sldMk cId="3265116380" sldId="2147479828"/>
            <ac:grpSpMk id="179" creationId="{74E5CE87-F80D-B829-4E49-E3EC6997D1E0}"/>
          </ac:grpSpMkLst>
        </pc:grpChg>
        <pc:grpChg chg="mod">
          <ac:chgData name="Oscar Llorente Gonzalez" userId="e1d48c7f-7de1-49f5-ba88-07a54202ac7d" providerId="ADAL" clId="{F37813CC-6907-4F4D-B15A-1E0D0E480B20}" dt="2025-02-18T09:26:57.871" v="282"/>
          <ac:grpSpMkLst>
            <pc:docMk/>
            <pc:sldMk cId="3265116380" sldId="2147479828"/>
            <ac:grpSpMk id="180" creationId="{144085B4-2664-4894-45EC-6A1DFE014903}"/>
          </ac:grpSpMkLst>
        </pc:grpChg>
        <pc:picChg chg="add mod">
          <ac:chgData name="Oscar Llorente Gonzalez" userId="e1d48c7f-7de1-49f5-ba88-07a54202ac7d" providerId="ADAL" clId="{F37813CC-6907-4F4D-B15A-1E0D0E480B20}" dt="2025-02-18T09:25:06.098" v="245"/>
          <ac:picMkLst>
            <pc:docMk/>
            <pc:sldMk cId="3265116380" sldId="2147479828"/>
            <ac:picMk id="6" creationId="{3EC1A608-6A1C-E378-C240-A3C8248DAF6C}"/>
          </ac:picMkLst>
        </pc:picChg>
        <pc:picChg chg="add mod">
          <ac:chgData name="Oscar Llorente Gonzalez" userId="e1d48c7f-7de1-49f5-ba88-07a54202ac7d" providerId="ADAL" clId="{F37813CC-6907-4F4D-B15A-1E0D0E480B20}" dt="2025-02-18T09:25:06.098" v="245"/>
          <ac:picMkLst>
            <pc:docMk/>
            <pc:sldMk cId="3265116380" sldId="2147479828"/>
            <ac:picMk id="7" creationId="{4CA6B4F5-9874-D198-4A6B-40A404DEB87B}"/>
          </ac:picMkLst>
        </pc:picChg>
        <pc:picChg chg="add mod">
          <ac:chgData name="Oscar Llorente Gonzalez" userId="e1d48c7f-7de1-49f5-ba88-07a54202ac7d" providerId="ADAL" clId="{F37813CC-6907-4F4D-B15A-1E0D0E480B20}" dt="2025-02-18T09:25:06.098" v="245"/>
          <ac:picMkLst>
            <pc:docMk/>
            <pc:sldMk cId="3265116380" sldId="2147479828"/>
            <ac:picMk id="8" creationId="{9F878242-7B19-128A-A4C8-D28A151BC84F}"/>
          </ac:picMkLst>
        </pc:picChg>
        <pc:picChg chg="add mod">
          <ac:chgData name="Oscar Llorente Gonzalez" userId="e1d48c7f-7de1-49f5-ba88-07a54202ac7d" providerId="ADAL" clId="{F37813CC-6907-4F4D-B15A-1E0D0E480B20}" dt="2025-02-18T09:25:20.091" v="248" actId="14100"/>
          <ac:picMkLst>
            <pc:docMk/>
            <pc:sldMk cId="3265116380" sldId="2147479828"/>
            <ac:picMk id="21" creationId="{4D25FBD5-7766-79C4-8477-B9E1A4F50FFD}"/>
          </ac:picMkLst>
        </pc:picChg>
        <pc:picChg chg="add mod">
          <ac:chgData name="Oscar Llorente Gonzalez" userId="e1d48c7f-7de1-49f5-ba88-07a54202ac7d" providerId="ADAL" clId="{F37813CC-6907-4F4D-B15A-1E0D0E480B20}" dt="2025-02-18T09:25:20.091" v="248" actId="14100"/>
          <ac:picMkLst>
            <pc:docMk/>
            <pc:sldMk cId="3265116380" sldId="2147479828"/>
            <ac:picMk id="22" creationId="{94659EB6-3B11-4F65-65E1-A62E6BB3B30A}"/>
          </ac:picMkLst>
        </pc:picChg>
        <pc:picChg chg="add mod">
          <ac:chgData name="Oscar Llorente Gonzalez" userId="e1d48c7f-7de1-49f5-ba88-07a54202ac7d" providerId="ADAL" clId="{F37813CC-6907-4F4D-B15A-1E0D0E480B20}" dt="2025-02-18T09:25:20.091" v="248" actId="14100"/>
          <ac:picMkLst>
            <pc:docMk/>
            <pc:sldMk cId="3265116380" sldId="2147479828"/>
            <ac:picMk id="23" creationId="{F2DB6BFF-DB9E-F8B8-91B4-53F3B102C702}"/>
          </ac:picMkLst>
        </pc:picChg>
        <pc:picChg chg="add mod">
          <ac:chgData name="Oscar Llorente Gonzalez" userId="e1d48c7f-7de1-49f5-ba88-07a54202ac7d" providerId="ADAL" clId="{F37813CC-6907-4F4D-B15A-1E0D0E480B20}" dt="2025-02-18T09:25:26.010" v="249"/>
          <ac:picMkLst>
            <pc:docMk/>
            <pc:sldMk cId="3265116380" sldId="2147479828"/>
            <ac:picMk id="39" creationId="{470C8F47-57CB-1DA9-CDE3-3BA5C5576E97}"/>
          </ac:picMkLst>
        </pc:picChg>
        <pc:picChg chg="add mod">
          <ac:chgData name="Oscar Llorente Gonzalez" userId="e1d48c7f-7de1-49f5-ba88-07a54202ac7d" providerId="ADAL" clId="{F37813CC-6907-4F4D-B15A-1E0D0E480B20}" dt="2025-02-18T09:25:26.010" v="249"/>
          <ac:picMkLst>
            <pc:docMk/>
            <pc:sldMk cId="3265116380" sldId="2147479828"/>
            <ac:picMk id="40" creationId="{50C067D6-567F-6CB8-43A9-7FFE3FB80579}"/>
          </ac:picMkLst>
        </pc:picChg>
        <pc:picChg chg="add mod">
          <ac:chgData name="Oscar Llorente Gonzalez" userId="e1d48c7f-7de1-49f5-ba88-07a54202ac7d" providerId="ADAL" clId="{F37813CC-6907-4F4D-B15A-1E0D0E480B20}" dt="2025-02-18T09:25:26.010" v="249"/>
          <ac:picMkLst>
            <pc:docMk/>
            <pc:sldMk cId="3265116380" sldId="2147479828"/>
            <ac:picMk id="41" creationId="{34A5F2D9-E1AA-35E3-FFC1-26B02D3FB208}"/>
          </ac:picMkLst>
        </pc:picChg>
        <pc:picChg chg="add mod">
          <ac:chgData name="Oscar Llorente Gonzalez" userId="e1d48c7f-7de1-49f5-ba88-07a54202ac7d" providerId="ADAL" clId="{F37813CC-6907-4F4D-B15A-1E0D0E480B20}" dt="2025-02-18T09:26:41.201" v="280"/>
          <ac:picMkLst>
            <pc:docMk/>
            <pc:sldMk cId="3265116380" sldId="2147479828"/>
            <ac:picMk id="92" creationId="{CAE1C708-9635-7F30-01E1-040090170E20}"/>
          </ac:picMkLst>
        </pc:picChg>
        <pc:picChg chg="add mod">
          <ac:chgData name="Oscar Llorente Gonzalez" userId="e1d48c7f-7de1-49f5-ba88-07a54202ac7d" providerId="ADAL" clId="{F37813CC-6907-4F4D-B15A-1E0D0E480B20}" dt="2025-02-18T09:26:41.201" v="280"/>
          <ac:picMkLst>
            <pc:docMk/>
            <pc:sldMk cId="3265116380" sldId="2147479828"/>
            <ac:picMk id="93" creationId="{40DCED04-CD7A-E40E-DB60-CFA5D8C37CB9}"/>
          </ac:picMkLst>
        </pc:picChg>
        <pc:picChg chg="add mod">
          <ac:chgData name="Oscar Llorente Gonzalez" userId="e1d48c7f-7de1-49f5-ba88-07a54202ac7d" providerId="ADAL" clId="{F37813CC-6907-4F4D-B15A-1E0D0E480B20}" dt="2025-02-18T09:26:41.201" v="280"/>
          <ac:picMkLst>
            <pc:docMk/>
            <pc:sldMk cId="3265116380" sldId="2147479828"/>
            <ac:picMk id="94" creationId="{DCA96939-0649-2048-AEB6-9CB120207BB0}"/>
          </ac:picMkLst>
        </pc:picChg>
        <pc:picChg chg="add mod">
          <ac:chgData name="Oscar Llorente Gonzalez" userId="e1d48c7f-7de1-49f5-ba88-07a54202ac7d" providerId="ADAL" clId="{F37813CC-6907-4F4D-B15A-1E0D0E480B20}" dt="2025-02-18T09:26:41.201" v="280"/>
          <ac:picMkLst>
            <pc:docMk/>
            <pc:sldMk cId="3265116380" sldId="2147479828"/>
            <ac:picMk id="95" creationId="{0F7AC0B0-37F2-FA35-B9F4-97D78E9F0177}"/>
          </ac:picMkLst>
        </pc:picChg>
        <pc:picChg chg="add mod">
          <ac:chgData name="Oscar Llorente Gonzalez" userId="e1d48c7f-7de1-49f5-ba88-07a54202ac7d" providerId="ADAL" clId="{F37813CC-6907-4F4D-B15A-1E0D0E480B20}" dt="2025-02-18T09:26:41.201" v="280"/>
          <ac:picMkLst>
            <pc:docMk/>
            <pc:sldMk cId="3265116380" sldId="2147479828"/>
            <ac:picMk id="96" creationId="{C14CF9A6-4D21-84BA-4552-A103723772A2}"/>
          </ac:picMkLst>
        </pc:picChg>
        <pc:picChg chg="add mod">
          <ac:chgData name="Oscar Llorente Gonzalez" userId="e1d48c7f-7de1-49f5-ba88-07a54202ac7d" providerId="ADAL" clId="{F37813CC-6907-4F4D-B15A-1E0D0E480B20}" dt="2025-02-18T09:26:41.201" v="280"/>
          <ac:picMkLst>
            <pc:docMk/>
            <pc:sldMk cId="3265116380" sldId="2147479828"/>
            <ac:picMk id="97" creationId="{3E305E77-2C0E-0191-65DB-61A151A38C12}"/>
          </ac:picMkLst>
        </pc:picChg>
        <pc:picChg chg="add mod">
          <ac:chgData name="Oscar Llorente Gonzalez" userId="e1d48c7f-7de1-49f5-ba88-07a54202ac7d" providerId="ADAL" clId="{F37813CC-6907-4F4D-B15A-1E0D0E480B20}" dt="2025-02-18T09:26:41.201" v="280"/>
          <ac:picMkLst>
            <pc:docMk/>
            <pc:sldMk cId="3265116380" sldId="2147479828"/>
            <ac:picMk id="98" creationId="{7763B61E-5269-004F-56D5-5F223C1CAA9F}"/>
          </ac:picMkLst>
        </pc:picChg>
        <pc:picChg chg="add mod">
          <ac:chgData name="Oscar Llorente Gonzalez" userId="e1d48c7f-7de1-49f5-ba88-07a54202ac7d" providerId="ADAL" clId="{F37813CC-6907-4F4D-B15A-1E0D0E480B20}" dt="2025-02-18T09:26:41.201" v="280"/>
          <ac:picMkLst>
            <pc:docMk/>
            <pc:sldMk cId="3265116380" sldId="2147479828"/>
            <ac:picMk id="99" creationId="{8237E068-B0E4-27A5-45BE-B7DFF14C70CD}"/>
          </ac:picMkLst>
        </pc:picChg>
        <pc:picChg chg="add mod">
          <ac:chgData name="Oscar Llorente Gonzalez" userId="e1d48c7f-7de1-49f5-ba88-07a54202ac7d" providerId="ADAL" clId="{F37813CC-6907-4F4D-B15A-1E0D0E480B20}" dt="2025-02-18T09:26:41.201" v="280"/>
          <ac:picMkLst>
            <pc:docMk/>
            <pc:sldMk cId="3265116380" sldId="2147479828"/>
            <ac:picMk id="100" creationId="{0548CEDD-E793-A028-8C33-D6C1F68FE5C9}"/>
          </ac:picMkLst>
        </pc:picChg>
        <pc:picChg chg="add mod">
          <ac:chgData name="Oscar Llorente Gonzalez" userId="e1d48c7f-7de1-49f5-ba88-07a54202ac7d" providerId="ADAL" clId="{F37813CC-6907-4F4D-B15A-1E0D0E480B20}" dt="2025-02-18T09:26:41.201" v="280"/>
          <ac:picMkLst>
            <pc:docMk/>
            <pc:sldMk cId="3265116380" sldId="2147479828"/>
            <ac:picMk id="101" creationId="{4C5C4E7D-2C82-B9EC-17E9-02E69CFD02D6}"/>
          </ac:picMkLst>
        </pc:picChg>
        <pc:picChg chg="add mod">
          <ac:chgData name="Oscar Llorente Gonzalez" userId="e1d48c7f-7de1-49f5-ba88-07a54202ac7d" providerId="ADAL" clId="{F37813CC-6907-4F4D-B15A-1E0D0E480B20}" dt="2025-02-18T09:26:41.201" v="280"/>
          <ac:picMkLst>
            <pc:docMk/>
            <pc:sldMk cId="3265116380" sldId="2147479828"/>
            <ac:picMk id="102" creationId="{A287D887-FDBE-EEB8-DC07-F6DB6946CD56}"/>
          </ac:picMkLst>
        </pc:picChg>
        <pc:picChg chg="add mod">
          <ac:chgData name="Oscar Llorente Gonzalez" userId="e1d48c7f-7de1-49f5-ba88-07a54202ac7d" providerId="ADAL" clId="{F37813CC-6907-4F4D-B15A-1E0D0E480B20}" dt="2025-02-18T09:26:41.201" v="280"/>
          <ac:picMkLst>
            <pc:docMk/>
            <pc:sldMk cId="3265116380" sldId="2147479828"/>
            <ac:picMk id="103" creationId="{131B115D-6443-337E-5B56-C1A8168382E8}"/>
          </ac:picMkLst>
        </pc:picChg>
        <pc:picChg chg="add mod">
          <ac:chgData name="Oscar Llorente Gonzalez" userId="e1d48c7f-7de1-49f5-ba88-07a54202ac7d" providerId="ADAL" clId="{F37813CC-6907-4F4D-B15A-1E0D0E480B20}" dt="2025-02-18T09:26:41.201" v="280"/>
          <ac:picMkLst>
            <pc:docMk/>
            <pc:sldMk cId="3265116380" sldId="2147479828"/>
            <ac:picMk id="104" creationId="{1D61589B-5AB3-5287-34F3-2C1DF6A7D2FF}"/>
          </ac:picMkLst>
        </pc:picChg>
        <pc:picChg chg="add mod">
          <ac:chgData name="Oscar Llorente Gonzalez" userId="e1d48c7f-7de1-49f5-ba88-07a54202ac7d" providerId="ADAL" clId="{F37813CC-6907-4F4D-B15A-1E0D0E480B20}" dt="2025-02-18T09:27:31.657" v="312" actId="1076"/>
          <ac:picMkLst>
            <pc:docMk/>
            <pc:sldMk cId="3265116380" sldId="2147479828"/>
            <ac:picMk id="199" creationId="{FD94A006-C113-00CB-A06E-713F07F0FECC}"/>
          </ac:picMkLst>
        </pc:picChg>
        <pc:picChg chg="add mod">
          <ac:chgData name="Oscar Llorente Gonzalez" userId="e1d48c7f-7de1-49f5-ba88-07a54202ac7d" providerId="ADAL" clId="{F37813CC-6907-4F4D-B15A-1E0D0E480B20}" dt="2025-02-18T09:27:31.657" v="312" actId="1076"/>
          <ac:picMkLst>
            <pc:docMk/>
            <pc:sldMk cId="3265116380" sldId="2147479828"/>
            <ac:picMk id="200" creationId="{DBAF1938-62C4-4B65-3B00-993FEF8520B7}"/>
          </ac:picMkLst>
        </pc:picChg>
        <pc:picChg chg="add mod">
          <ac:chgData name="Oscar Llorente Gonzalez" userId="e1d48c7f-7de1-49f5-ba88-07a54202ac7d" providerId="ADAL" clId="{F37813CC-6907-4F4D-B15A-1E0D0E480B20}" dt="2025-02-18T09:27:31.657" v="312" actId="1076"/>
          <ac:picMkLst>
            <pc:docMk/>
            <pc:sldMk cId="3265116380" sldId="2147479828"/>
            <ac:picMk id="201" creationId="{223B5890-2802-25E3-49F2-4523CB5722A2}"/>
          </ac:picMkLst>
        </pc:picChg>
        <pc:picChg chg="add mod">
          <ac:chgData name="Oscar Llorente Gonzalez" userId="e1d48c7f-7de1-49f5-ba88-07a54202ac7d" providerId="ADAL" clId="{F37813CC-6907-4F4D-B15A-1E0D0E480B20}" dt="2025-02-18T09:27:31.657" v="312" actId="1076"/>
          <ac:picMkLst>
            <pc:docMk/>
            <pc:sldMk cId="3265116380" sldId="2147479828"/>
            <ac:picMk id="202" creationId="{DE040A10-56EA-AE98-67A7-0EBF0A8513F9}"/>
          </ac:picMkLst>
        </pc:picChg>
        <pc:picChg chg="add mod">
          <ac:chgData name="Oscar Llorente Gonzalez" userId="e1d48c7f-7de1-49f5-ba88-07a54202ac7d" providerId="ADAL" clId="{F37813CC-6907-4F4D-B15A-1E0D0E480B20}" dt="2025-02-18T09:27:31.657" v="312" actId="1076"/>
          <ac:picMkLst>
            <pc:docMk/>
            <pc:sldMk cId="3265116380" sldId="2147479828"/>
            <ac:picMk id="203" creationId="{300D6D3B-7DAE-69BA-9A1F-D61A15D7781E}"/>
          </ac:picMkLst>
        </pc:picChg>
        <pc:picChg chg="add mod">
          <ac:chgData name="Oscar Llorente Gonzalez" userId="e1d48c7f-7de1-49f5-ba88-07a54202ac7d" providerId="ADAL" clId="{F37813CC-6907-4F4D-B15A-1E0D0E480B20}" dt="2025-02-18T09:27:31.657" v="312" actId="1076"/>
          <ac:picMkLst>
            <pc:docMk/>
            <pc:sldMk cId="3265116380" sldId="2147479828"/>
            <ac:picMk id="204" creationId="{E560122C-A4FE-0937-5910-854A0A45CFB0}"/>
          </ac:picMkLst>
        </pc:picChg>
        <pc:picChg chg="add mod">
          <ac:chgData name="Oscar Llorente Gonzalez" userId="e1d48c7f-7de1-49f5-ba88-07a54202ac7d" providerId="ADAL" clId="{F37813CC-6907-4F4D-B15A-1E0D0E480B20}" dt="2025-02-18T09:27:31.657" v="312" actId="1076"/>
          <ac:picMkLst>
            <pc:docMk/>
            <pc:sldMk cId="3265116380" sldId="2147479828"/>
            <ac:picMk id="205" creationId="{8ED86644-6F2B-5C7E-DE3C-5BCDBC2BED75}"/>
          </ac:picMkLst>
        </pc:picChg>
        <pc:picChg chg="add mod">
          <ac:chgData name="Oscar Llorente Gonzalez" userId="e1d48c7f-7de1-49f5-ba88-07a54202ac7d" providerId="ADAL" clId="{F37813CC-6907-4F4D-B15A-1E0D0E480B20}" dt="2025-02-18T09:27:31.657" v="312" actId="1076"/>
          <ac:picMkLst>
            <pc:docMk/>
            <pc:sldMk cId="3265116380" sldId="2147479828"/>
            <ac:picMk id="206" creationId="{41B20F42-B367-81D4-1685-38F6C94FD6A2}"/>
          </ac:picMkLst>
        </pc:picChg>
        <pc:picChg chg="add mod">
          <ac:chgData name="Oscar Llorente Gonzalez" userId="e1d48c7f-7de1-49f5-ba88-07a54202ac7d" providerId="ADAL" clId="{F37813CC-6907-4F4D-B15A-1E0D0E480B20}" dt="2025-02-18T09:27:31.657" v="312" actId="1076"/>
          <ac:picMkLst>
            <pc:docMk/>
            <pc:sldMk cId="3265116380" sldId="2147479828"/>
            <ac:picMk id="207" creationId="{6B706FAB-2896-6F71-3A4B-A5AA6E831C1F}"/>
          </ac:picMkLst>
        </pc:picChg>
        <pc:picChg chg="add mod">
          <ac:chgData name="Oscar Llorente Gonzalez" userId="e1d48c7f-7de1-49f5-ba88-07a54202ac7d" providerId="ADAL" clId="{F37813CC-6907-4F4D-B15A-1E0D0E480B20}" dt="2025-02-18T09:27:31.657" v="312" actId="1076"/>
          <ac:picMkLst>
            <pc:docMk/>
            <pc:sldMk cId="3265116380" sldId="2147479828"/>
            <ac:picMk id="208" creationId="{D473F1BD-AB12-F03E-5AD4-9134F843730A}"/>
          </ac:picMkLst>
        </pc:picChg>
        <pc:picChg chg="add mod">
          <ac:chgData name="Oscar Llorente Gonzalez" userId="e1d48c7f-7de1-49f5-ba88-07a54202ac7d" providerId="ADAL" clId="{F37813CC-6907-4F4D-B15A-1E0D0E480B20}" dt="2025-02-18T09:27:31.657" v="312" actId="1076"/>
          <ac:picMkLst>
            <pc:docMk/>
            <pc:sldMk cId="3265116380" sldId="2147479828"/>
            <ac:picMk id="209" creationId="{054AD2E1-E4F4-0949-B9F6-7234D04167AA}"/>
          </ac:picMkLst>
        </pc:picChg>
        <pc:picChg chg="add mod">
          <ac:chgData name="Oscar Llorente Gonzalez" userId="e1d48c7f-7de1-49f5-ba88-07a54202ac7d" providerId="ADAL" clId="{F37813CC-6907-4F4D-B15A-1E0D0E480B20}" dt="2025-02-18T09:27:31.657" v="312" actId="1076"/>
          <ac:picMkLst>
            <pc:docMk/>
            <pc:sldMk cId="3265116380" sldId="2147479828"/>
            <ac:picMk id="210" creationId="{58F2B6D1-CCEA-E45C-C825-309448D639CF}"/>
          </ac:picMkLst>
        </pc:picChg>
        <pc:picChg chg="add mod">
          <ac:chgData name="Oscar Llorente Gonzalez" userId="e1d48c7f-7de1-49f5-ba88-07a54202ac7d" providerId="ADAL" clId="{F37813CC-6907-4F4D-B15A-1E0D0E480B20}" dt="2025-02-18T09:27:31.657" v="312" actId="1076"/>
          <ac:picMkLst>
            <pc:docMk/>
            <pc:sldMk cId="3265116380" sldId="2147479828"/>
            <ac:picMk id="211" creationId="{97C0505F-8710-1C1C-DF71-C211E2813BA4}"/>
          </ac:picMkLst>
        </pc:picChg>
        <pc:picChg chg="add mod">
          <ac:chgData name="Oscar Llorente Gonzalez" userId="e1d48c7f-7de1-49f5-ba88-07a54202ac7d" providerId="ADAL" clId="{F37813CC-6907-4F4D-B15A-1E0D0E480B20}" dt="2025-02-18T09:27:31.657" v="312" actId="1076"/>
          <ac:picMkLst>
            <pc:docMk/>
            <pc:sldMk cId="3265116380" sldId="2147479828"/>
            <ac:picMk id="212" creationId="{373250C7-4EC2-C5B1-836F-91700359C65A}"/>
          </ac:picMkLst>
        </pc:picChg>
        <pc:cxnChg chg="add mod">
          <ac:chgData name="Oscar Llorente Gonzalez" userId="e1d48c7f-7de1-49f5-ba88-07a54202ac7d" providerId="ADAL" clId="{F37813CC-6907-4F4D-B15A-1E0D0E480B20}" dt="2025-02-18T09:25:06.098" v="245"/>
          <ac:cxnSpMkLst>
            <pc:docMk/>
            <pc:sldMk cId="3265116380" sldId="2147479828"/>
            <ac:cxnSpMk id="9" creationId="{C419E144-D00F-D365-17D8-98BE178949F4}"/>
          </ac:cxnSpMkLst>
        </pc:cxnChg>
        <pc:cxnChg chg="add mod">
          <ac:chgData name="Oscar Llorente Gonzalez" userId="e1d48c7f-7de1-49f5-ba88-07a54202ac7d" providerId="ADAL" clId="{F37813CC-6907-4F4D-B15A-1E0D0E480B20}" dt="2025-02-18T09:25:06.098" v="245"/>
          <ac:cxnSpMkLst>
            <pc:docMk/>
            <pc:sldMk cId="3265116380" sldId="2147479828"/>
            <ac:cxnSpMk id="10" creationId="{470D43FA-2DF1-BA0F-35E7-3D49FBC9B686}"/>
          </ac:cxnSpMkLst>
        </pc:cxnChg>
        <pc:cxnChg chg="add mod">
          <ac:chgData name="Oscar Llorente Gonzalez" userId="e1d48c7f-7de1-49f5-ba88-07a54202ac7d" providerId="ADAL" clId="{F37813CC-6907-4F4D-B15A-1E0D0E480B20}" dt="2025-02-18T09:25:06.098" v="245"/>
          <ac:cxnSpMkLst>
            <pc:docMk/>
            <pc:sldMk cId="3265116380" sldId="2147479828"/>
            <ac:cxnSpMk id="11" creationId="{14698334-F100-601D-80FB-75DA12CA11C1}"/>
          </ac:cxnSpMkLst>
        </pc:cxnChg>
        <pc:cxnChg chg="add mod">
          <ac:chgData name="Oscar Llorente Gonzalez" userId="e1d48c7f-7de1-49f5-ba88-07a54202ac7d" providerId="ADAL" clId="{F37813CC-6907-4F4D-B15A-1E0D0E480B20}" dt="2025-02-18T09:25:06.098" v="245"/>
          <ac:cxnSpMkLst>
            <pc:docMk/>
            <pc:sldMk cId="3265116380" sldId="2147479828"/>
            <ac:cxnSpMk id="12" creationId="{26010D61-3584-DAAD-DEBC-45F9B78B0B4C}"/>
          </ac:cxnSpMkLst>
        </pc:cxnChg>
        <pc:cxnChg chg="add mod">
          <ac:chgData name="Oscar Llorente Gonzalez" userId="e1d48c7f-7de1-49f5-ba88-07a54202ac7d" providerId="ADAL" clId="{F37813CC-6907-4F4D-B15A-1E0D0E480B20}" dt="2025-02-18T09:25:06.098" v="245"/>
          <ac:cxnSpMkLst>
            <pc:docMk/>
            <pc:sldMk cId="3265116380" sldId="2147479828"/>
            <ac:cxnSpMk id="16" creationId="{2F24B16D-D2D2-F2A2-965B-55DC2ECB52E5}"/>
          </ac:cxnSpMkLst>
        </pc:cxnChg>
        <pc:cxnChg chg="add mod">
          <ac:chgData name="Oscar Llorente Gonzalez" userId="e1d48c7f-7de1-49f5-ba88-07a54202ac7d" providerId="ADAL" clId="{F37813CC-6907-4F4D-B15A-1E0D0E480B20}" dt="2025-02-18T09:25:20.091" v="248" actId="14100"/>
          <ac:cxnSpMkLst>
            <pc:docMk/>
            <pc:sldMk cId="3265116380" sldId="2147479828"/>
            <ac:cxnSpMk id="24" creationId="{8DA535ED-AAD0-84B3-BD1D-6EC9C2318860}"/>
          </ac:cxnSpMkLst>
        </pc:cxnChg>
        <pc:cxnChg chg="add mod">
          <ac:chgData name="Oscar Llorente Gonzalez" userId="e1d48c7f-7de1-49f5-ba88-07a54202ac7d" providerId="ADAL" clId="{F37813CC-6907-4F4D-B15A-1E0D0E480B20}" dt="2025-02-18T09:25:20.091" v="248" actId="14100"/>
          <ac:cxnSpMkLst>
            <pc:docMk/>
            <pc:sldMk cId="3265116380" sldId="2147479828"/>
            <ac:cxnSpMk id="25" creationId="{113BDDEB-6281-BF08-5E6A-7F40C0A3C086}"/>
          </ac:cxnSpMkLst>
        </pc:cxnChg>
        <pc:cxnChg chg="add mod">
          <ac:chgData name="Oscar Llorente Gonzalez" userId="e1d48c7f-7de1-49f5-ba88-07a54202ac7d" providerId="ADAL" clId="{F37813CC-6907-4F4D-B15A-1E0D0E480B20}" dt="2025-02-18T09:25:20.091" v="248" actId="14100"/>
          <ac:cxnSpMkLst>
            <pc:docMk/>
            <pc:sldMk cId="3265116380" sldId="2147479828"/>
            <ac:cxnSpMk id="26" creationId="{EC0EF693-38DF-1CA3-BD34-51CA2CC908B1}"/>
          </ac:cxnSpMkLst>
        </pc:cxnChg>
        <pc:cxnChg chg="add mod">
          <ac:chgData name="Oscar Llorente Gonzalez" userId="e1d48c7f-7de1-49f5-ba88-07a54202ac7d" providerId="ADAL" clId="{F37813CC-6907-4F4D-B15A-1E0D0E480B20}" dt="2025-02-18T09:25:20.091" v="248" actId="14100"/>
          <ac:cxnSpMkLst>
            <pc:docMk/>
            <pc:sldMk cId="3265116380" sldId="2147479828"/>
            <ac:cxnSpMk id="27" creationId="{F82F7161-E71A-EFC2-5D1C-5FE79E6E501E}"/>
          </ac:cxnSpMkLst>
        </pc:cxnChg>
        <pc:cxnChg chg="add mod">
          <ac:chgData name="Oscar Llorente Gonzalez" userId="e1d48c7f-7de1-49f5-ba88-07a54202ac7d" providerId="ADAL" clId="{F37813CC-6907-4F4D-B15A-1E0D0E480B20}" dt="2025-02-18T09:25:20.091" v="248" actId="14100"/>
          <ac:cxnSpMkLst>
            <pc:docMk/>
            <pc:sldMk cId="3265116380" sldId="2147479828"/>
            <ac:cxnSpMk id="31" creationId="{A1CFD687-E432-B569-71CD-602649CF5975}"/>
          </ac:cxnSpMkLst>
        </pc:cxnChg>
        <pc:cxnChg chg="add mod">
          <ac:chgData name="Oscar Llorente Gonzalez" userId="e1d48c7f-7de1-49f5-ba88-07a54202ac7d" providerId="ADAL" clId="{F37813CC-6907-4F4D-B15A-1E0D0E480B20}" dt="2025-02-18T09:25:26.010" v="249"/>
          <ac:cxnSpMkLst>
            <pc:docMk/>
            <pc:sldMk cId="3265116380" sldId="2147479828"/>
            <ac:cxnSpMk id="42" creationId="{719102A9-88FE-102E-EF00-BEBA8F4FAD19}"/>
          </ac:cxnSpMkLst>
        </pc:cxnChg>
        <pc:cxnChg chg="add mod">
          <ac:chgData name="Oscar Llorente Gonzalez" userId="e1d48c7f-7de1-49f5-ba88-07a54202ac7d" providerId="ADAL" clId="{F37813CC-6907-4F4D-B15A-1E0D0E480B20}" dt="2025-02-18T09:25:26.010" v="249"/>
          <ac:cxnSpMkLst>
            <pc:docMk/>
            <pc:sldMk cId="3265116380" sldId="2147479828"/>
            <ac:cxnSpMk id="43" creationId="{DDB32596-9B5D-767E-3A43-69F633476375}"/>
          </ac:cxnSpMkLst>
        </pc:cxnChg>
        <pc:cxnChg chg="add mod">
          <ac:chgData name="Oscar Llorente Gonzalez" userId="e1d48c7f-7de1-49f5-ba88-07a54202ac7d" providerId="ADAL" clId="{F37813CC-6907-4F4D-B15A-1E0D0E480B20}" dt="2025-02-18T09:25:26.010" v="249"/>
          <ac:cxnSpMkLst>
            <pc:docMk/>
            <pc:sldMk cId="3265116380" sldId="2147479828"/>
            <ac:cxnSpMk id="44" creationId="{174AA0EA-8A01-4819-9E67-A7830E9DE124}"/>
          </ac:cxnSpMkLst>
        </pc:cxnChg>
        <pc:cxnChg chg="add mod">
          <ac:chgData name="Oscar Llorente Gonzalez" userId="e1d48c7f-7de1-49f5-ba88-07a54202ac7d" providerId="ADAL" clId="{F37813CC-6907-4F4D-B15A-1E0D0E480B20}" dt="2025-02-18T09:25:26.010" v="249"/>
          <ac:cxnSpMkLst>
            <pc:docMk/>
            <pc:sldMk cId="3265116380" sldId="2147479828"/>
            <ac:cxnSpMk id="45" creationId="{23027941-6DAF-C254-FF23-E0FCB6070E05}"/>
          </ac:cxnSpMkLst>
        </pc:cxnChg>
        <pc:cxnChg chg="add mod">
          <ac:chgData name="Oscar Llorente Gonzalez" userId="e1d48c7f-7de1-49f5-ba88-07a54202ac7d" providerId="ADAL" clId="{F37813CC-6907-4F4D-B15A-1E0D0E480B20}" dt="2025-02-18T09:25:26.010" v="249"/>
          <ac:cxnSpMkLst>
            <pc:docMk/>
            <pc:sldMk cId="3265116380" sldId="2147479828"/>
            <ac:cxnSpMk id="49" creationId="{2D8D0BE5-4BCC-BE85-6799-F0AFAADD4BCC}"/>
          </ac:cxnSpMkLst>
        </pc:cxnChg>
        <pc:cxnChg chg="mod">
          <ac:chgData name="Oscar Llorente Gonzalez" userId="e1d48c7f-7de1-49f5-ba88-07a54202ac7d" providerId="ADAL" clId="{F37813CC-6907-4F4D-B15A-1E0D0E480B20}" dt="2025-02-18T09:26:41.201" v="280"/>
          <ac:cxnSpMkLst>
            <pc:docMk/>
            <pc:sldMk cId="3265116380" sldId="2147479828"/>
            <ac:cxnSpMk id="74" creationId="{91362213-567E-02A8-E5F9-8DC08A84776C}"/>
          </ac:cxnSpMkLst>
        </pc:cxnChg>
        <pc:cxnChg chg="mod">
          <ac:chgData name="Oscar Llorente Gonzalez" userId="e1d48c7f-7de1-49f5-ba88-07a54202ac7d" providerId="ADAL" clId="{F37813CC-6907-4F4D-B15A-1E0D0E480B20}" dt="2025-02-18T09:26:41.201" v="280"/>
          <ac:cxnSpMkLst>
            <pc:docMk/>
            <pc:sldMk cId="3265116380" sldId="2147479828"/>
            <ac:cxnSpMk id="75" creationId="{A11462BC-78B0-3570-7409-5EA9B384A629}"/>
          </ac:cxnSpMkLst>
        </pc:cxnChg>
        <pc:cxnChg chg="mod">
          <ac:chgData name="Oscar Llorente Gonzalez" userId="e1d48c7f-7de1-49f5-ba88-07a54202ac7d" providerId="ADAL" clId="{F37813CC-6907-4F4D-B15A-1E0D0E480B20}" dt="2025-02-18T09:26:41.201" v="280"/>
          <ac:cxnSpMkLst>
            <pc:docMk/>
            <pc:sldMk cId="3265116380" sldId="2147479828"/>
            <ac:cxnSpMk id="76" creationId="{30A38B76-6BDC-A222-A409-3E86A7AC1184}"/>
          </ac:cxnSpMkLst>
        </pc:cxnChg>
        <pc:cxnChg chg="mod">
          <ac:chgData name="Oscar Llorente Gonzalez" userId="e1d48c7f-7de1-49f5-ba88-07a54202ac7d" providerId="ADAL" clId="{F37813CC-6907-4F4D-B15A-1E0D0E480B20}" dt="2025-02-18T09:26:41.201" v="280"/>
          <ac:cxnSpMkLst>
            <pc:docMk/>
            <pc:sldMk cId="3265116380" sldId="2147479828"/>
            <ac:cxnSpMk id="77" creationId="{3DAE09EB-1314-5AD5-13C5-12C98D8A6A2D}"/>
          </ac:cxnSpMkLst>
        </pc:cxnChg>
        <pc:cxnChg chg="mod">
          <ac:chgData name="Oscar Llorente Gonzalez" userId="e1d48c7f-7de1-49f5-ba88-07a54202ac7d" providerId="ADAL" clId="{F37813CC-6907-4F4D-B15A-1E0D0E480B20}" dt="2025-02-18T09:26:41.201" v="280"/>
          <ac:cxnSpMkLst>
            <pc:docMk/>
            <pc:sldMk cId="3265116380" sldId="2147479828"/>
            <ac:cxnSpMk id="78" creationId="{E2DCBC23-3A41-274F-ED79-F1F7FF0E706C}"/>
          </ac:cxnSpMkLst>
        </pc:cxnChg>
        <pc:cxnChg chg="mod">
          <ac:chgData name="Oscar Llorente Gonzalez" userId="e1d48c7f-7de1-49f5-ba88-07a54202ac7d" providerId="ADAL" clId="{F37813CC-6907-4F4D-B15A-1E0D0E480B20}" dt="2025-02-18T09:26:57.871" v="282"/>
          <ac:cxnSpMkLst>
            <pc:docMk/>
            <pc:sldMk cId="3265116380" sldId="2147479828"/>
            <ac:cxnSpMk id="139" creationId="{B0EDF55F-08C9-1EA8-22CD-7DDC1621994D}"/>
          </ac:cxnSpMkLst>
        </pc:cxnChg>
        <pc:cxnChg chg="mod">
          <ac:chgData name="Oscar Llorente Gonzalez" userId="e1d48c7f-7de1-49f5-ba88-07a54202ac7d" providerId="ADAL" clId="{F37813CC-6907-4F4D-B15A-1E0D0E480B20}" dt="2025-02-18T09:26:57.871" v="282"/>
          <ac:cxnSpMkLst>
            <pc:docMk/>
            <pc:sldMk cId="3265116380" sldId="2147479828"/>
            <ac:cxnSpMk id="140" creationId="{531BFDBF-42E7-2D2B-BEF9-A9BE1B112F82}"/>
          </ac:cxnSpMkLst>
        </pc:cxnChg>
        <pc:cxnChg chg="mod">
          <ac:chgData name="Oscar Llorente Gonzalez" userId="e1d48c7f-7de1-49f5-ba88-07a54202ac7d" providerId="ADAL" clId="{F37813CC-6907-4F4D-B15A-1E0D0E480B20}" dt="2025-02-18T09:26:57.871" v="282"/>
          <ac:cxnSpMkLst>
            <pc:docMk/>
            <pc:sldMk cId="3265116380" sldId="2147479828"/>
            <ac:cxnSpMk id="141" creationId="{04483F21-5D6B-FD30-1E7C-52F8E3042E8D}"/>
          </ac:cxnSpMkLst>
        </pc:cxnChg>
        <pc:cxnChg chg="mod">
          <ac:chgData name="Oscar Llorente Gonzalez" userId="e1d48c7f-7de1-49f5-ba88-07a54202ac7d" providerId="ADAL" clId="{F37813CC-6907-4F4D-B15A-1E0D0E480B20}" dt="2025-02-18T09:26:57.871" v="282"/>
          <ac:cxnSpMkLst>
            <pc:docMk/>
            <pc:sldMk cId="3265116380" sldId="2147479828"/>
            <ac:cxnSpMk id="142" creationId="{9FE74193-D4FD-7722-3DD7-6FB1C7F15B5C}"/>
          </ac:cxnSpMkLst>
        </pc:cxnChg>
        <pc:cxnChg chg="mod">
          <ac:chgData name="Oscar Llorente Gonzalez" userId="e1d48c7f-7de1-49f5-ba88-07a54202ac7d" providerId="ADAL" clId="{F37813CC-6907-4F4D-B15A-1E0D0E480B20}" dt="2025-02-18T09:26:57.871" v="282"/>
          <ac:cxnSpMkLst>
            <pc:docMk/>
            <pc:sldMk cId="3265116380" sldId="2147479828"/>
            <ac:cxnSpMk id="143" creationId="{6D477C07-F542-18DA-9568-C23804F78F40}"/>
          </ac:cxnSpMkLst>
        </pc:cxnChg>
        <pc:cxnChg chg="mod">
          <ac:chgData name="Oscar Llorente Gonzalez" userId="e1d48c7f-7de1-49f5-ba88-07a54202ac7d" providerId="ADAL" clId="{F37813CC-6907-4F4D-B15A-1E0D0E480B20}" dt="2025-02-18T09:26:57.871" v="282"/>
          <ac:cxnSpMkLst>
            <pc:docMk/>
            <pc:sldMk cId="3265116380" sldId="2147479828"/>
            <ac:cxnSpMk id="144" creationId="{11CA6AA3-02A6-A172-7B1A-CBD1B9D54D08}"/>
          </ac:cxnSpMkLst>
        </pc:cxnChg>
        <pc:cxnChg chg="mod">
          <ac:chgData name="Oscar Llorente Gonzalez" userId="e1d48c7f-7de1-49f5-ba88-07a54202ac7d" providerId="ADAL" clId="{F37813CC-6907-4F4D-B15A-1E0D0E480B20}" dt="2025-02-18T09:26:57.871" v="282"/>
          <ac:cxnSpMkLst>
            <pc:docMk/>
            <pc:sldMk cId="3265116380" sldId="2147479828"/>
            <ac:cxnSpMk id="145" creationId="{5019AD16-ADB2-1810-2ACE-A7C1FFC23F00}"/>
          </ac:cxnSpMkLst>
        </pc:cxnChg>
        <pc:cxnChg chg="mod">
          <ac:chgData name="Oscar Llorente Gonzalez" userId="e1d48c7f-7de1-49f5-ba88-07a54202ac7d" providerId="ADAL" clId="{F37813CC-6907-4F4D-B15A-1E0D0E480B20}" dt="2025-02-18T09:26:57.871" v="282"/>
          <ac:cxnSpMkLst>
            <pc:docMk/>
            <pc:sldMk cId="3265116380" sldId="2147479828"/>
            <ac:cxnSpMk id="146" creationId="{2DE7BC73-2B3F-935D-A4F1-DC0E2D4D13D3}"/>
          </ac:cxnSpMkLst>
        </pc:cxnChg>
        <pc:cxnChg chg="mod">
          <ac:chgData name="Oscar Llorente Gonzalez" userId="e1d48c7f-7de1-49f5-ba88-07a54202ac7d" providerId="ADAL" clId="{F37813CC-6907-4F4D-B15A-1E0D0E480B20}" dt="2025-02-18T09:26:57.871" v="282"/>
          <ac:cxnSpMkLst>
            <pc:docMk/>
            <pc:sldMk cId="3265116380" sldId="2147479828"/>
            <ac:cxnSpMk id="147" creationId="{FBDE7421-C6D3-EDA2-E0F1-3FDAC8F26906}"/>
          </ac:cxnSpMkLst>
        </pc:cxnChg>
        <pc:cxnChg chg="mod">
          <ac:chgData name="Oscar Llorente Gonzalez" userId="e1d48c7f-7de1-49f5-ba88-07a54202ac7d" providerId="ADAL" clId="{F37813CC-6907-4F4D-B15A-1E0D0E480B20}" dt="2025-02-18T09:26:57.871" v="282"/>
          <ac:cxnSpMkLst>
            <pc:docMk/>
            <pc:sldMk cId="3265116380" sldId="2147479828"/>
            <ac:cxnSpMk id="155" creationId="{5BD03632-FCD5-6C3F-9C6F-97EECECD7849}"/>
          </ac:cxnSpMkLst>
        </pc:cxnChg>
        <pc:cxnChg chg="mod">
          <ac:chgData name="Oscar Llorente Gonzalez" userId="e1d48c7f-7de1-49f5-ba88-07a54202ac7d" providerId="ADAL" clId="{F37813CC-6907-4F4D-B15A-1E0D0E480B20}" dt="2025-02-18T09:26:57.871" v="282"/>
          <ac:cxnSpMkLst>
            <pc:docMk/>
            <pc:sldMk cId="3265116380" sldId="2147479828"/>
            <ac:cxnSpMk id="156" creationId="{B9CF6782-141F-5427-F193-8A29B6E9C20E}"/>
          </ac:cxnSpMkLst>
        </pc:cxnChg>
        <pc:cxnChg chg="mod">
          <ac:chgData name="Oscar Llorente Gonzalez" userId="e1d48c7f-7de1-49f5-ba88-07a54202ac7d" providerId="ADAL" clId="{F37813CC-6907-4F4D-B15A-1E0D0E480B20}" dt="2025-02-18T09:26:57.871" v="282"/>
          <ac:cxnSpMkLst>
            <pc:docMk/>
            <pc:sldMk cId="3265116380" sldId="2147479828"/>
            <ac:cxnSpMk id="157" creationId="{0023880A-AE0F-4F65-BCD1-958B41BBD899}"/>
          </ac:cxnSpMkLst>
        </pc:cxnChg>
        <pc:cxnChg chg="mod">
          <ac:chgData name="Oscar Llorente Gonzalez" userId="e1d48c7f-7de1-49f5-ba88-07a54202ac7d" providerId="ADAL" clId="{F37813CC-6907-4F4D-B15A-1E0D0E480B20}" dt="2025-02-18T09:26:57.871" v="282"/>
          <ac:cxnSpMkLst>
            <pc:docMk/>
            <pc:sldMk cId="3265116380" sldId="2147479828"/>
            <ac:cxnSpMk id="158" creationId="{999272FD-DA2E-B8D8-0842-B80130A46726}"/>
          </ac:cxnSpMkLst>
        </pc:cxnChg>
        <pc:cxnChg chg="mod">
          <ac:chgData name="Oscar Llorente Gonzalez" userId="e1d48c7f-7de1-49f5-ba88-07a54202ac7d" providerId="ADAL" clId="{F37813CC-6907-4F4D-B15A-1E0D0E480B20}" dt="2025-02-18T09:26:57.871" v="282"/>
          <ac:cxnSpMkLst>
            <pc:docMk/>
            <pc:sldMk cId="3265116380" sldId="2147479828"/>
            <ac:cxnSpMk id="159" creationId="{3220405C-E251-88DB-6767-51740B5FE1D4}"/>
          </ac:cxnSpMkLst>
        </pc:cxnChg>
        <pc:cxnChg chg="mod">
          <ac:chgData name="Oscar Llorente Gonzalez" userId="e1d48c7f-7de1-49f5-ba88-07a54202ac7d" providerId="ADAL" clId="{F37813CC-6907-4F4D-B15A-1E0D0E480B20}" dt="2025-02-18T09:26:57.871" v="282"/>
          <ac:cxnSpMkLst>
            <pc:docMk/>
            <pc:sldMk cId="3265116380" sldId="2147479828"/>
            <ac:cxnSpMk id="160" creationId="{424D02DA-A5A9-5865-4C25-769F7C61F605}"/>
          </ac:cxnSpMkLst>
        </pc:cxnChg>
        <pc:cxnChg chg="mod">
          <ac:chgData name="Oscar Llorente Gonzalez" userId="e1d48c7f-7de1-49f5-ba88-07a54202ac7d" providerId="ADAL" clId="{F37813CC-6907-4F4D-B15A-1E0D0E480B20}" dt="2025-02-18T09:26:57.871" v="282"/>
          <ac:cxnSpMkLst>
            <pc:docMk/>
            <pc:sldMk cId="3265116380" sldId="2147479828"/>
            <ac:cxnSpMk id="161" creationId="{A8766200-8A7B-3230-014A-87380301124D}"/>
          </ac:cxnSpMkLst>
        </pc:cxnChg>
        <pc:cxnChg chg="mod">
          <ac:chgData name="Oscar Llorente Gonzalez" userId="e1d48c7f-7de1-49f5-ba88-07a54202ac7d" providerId="ADAL" clId="{F37813CC-6907-4F4D-B15A-1E0D0E480B20}" dt="2025-02-18T09:26:57.871" v="282"/>
          <ac:cxnSpMkLst>
            <pc:docMk/>
            <pc:sldMk cId="3265116380" sldId="2147479828"/>
            <ac:cxnSpMk id="162" creationId="{2B152E68-044D-6F66-0B68-049397F14A2C}"/>
          </ac:cxnSpMkLst>
        </pc:cxnChg>
        <pc:cxnChg chg="mod">
          <ac:chgData name="Oscar Llorente Gonzalez" userId="e1d48c7f-7de1-49f5-ba88-07a54202ac7d" providerId="ADAL" clId="{F37813CC-6907-4F4D-B15A-1E0D0E480B20}" dt="2025-02-18T09:26:57.871" v="282"/>
          <ac:cxnSpMkLst>
            <pc:docMk/>
            <pc:sldMk cId="3265116380" sldId="2147479828"/>
            <ac:cxnSpMk id="163" creationId="{AA3CBA03-8C30-F0AE-AA34-32C46146B273}"/>
          </ac:cxnSpMkLst>
        </pc:cxnChg>
        <pc:cxnChg chg="mod">
          <ac:chgData name="Oscar Llorente Gonzalez" userId="e1d48c7f-7de1-49f5-ba88-07a54202ac7d" providerId="ADAL" clId="{F37813CC-6907-4F4D-B15A-1E0D0E480B20}" dt="2025-02-18T09:26:57.871" v="282"/>
          <ac:cxnSpMkLst>
            <pc:docMk/>
            <pc:sldMk cId="3265116380" sldId="2147479828"/>
            <ac:cxnSpMk id="181" creationId="{93CE82E2-B12B-DEEC-D914-CBF778650FF6}"/>
          </ac:cxnSpMkLst>
        </pc:cxnChg>
        <pc:cxnChg chg="mod">
          <ac:chgData name="Oscar Llorente Gonzalez" userId="e1d48c7f-7de1-49f5-ba88-07a54202ac7d" providerId="ADAL" clId="{F37813CC-6907-4F4D-B15A-1E0D0E480B20}" dt="2025-02-18T09:26:57.871" v="282"/>
          <ac:cxnSpMkLst>
            <pc:docMk/>
            <pc:sldMk cId="3265116380" sldId="2147479828"/>
            <ac:cxnSpMk id="182" creationId="{F7A9A6BE-DDF6-A395-3CF3-06D5FCA42770}"/>
          </ac:cxnSpMkLst>
        </pc:cxnChg>
        <pc:cxnChg chg="mod">
          <ac:chgData name="Oscar Llorente Gonzalez" userId="e1d48c7f-7de1-49f5-ba88-07a54202ac7d" providerId="ADAL" clId="{F37813CC-6907-4F4D-B15A-1E0D0E480B20}" dt="2025-02-18T09:26:57.871" v="282"/>
          <ac:cxnSpMkLst>
            <pc:docMk/>
            <pc:sldMk cId="3265116380" sldId="2147479828"/>
            <ac:cxnSpMk id="183" creationId="{2FBE0031-24DA-E553-21AD-2386C2D77974}"/>
          </ac:cxnSpMkLst>
        </pc:cxnChg>
        <pc:cxnChg chg="mod">
          <ac:chgData name="Oscar Llorente Gonzalez" userId="e1d48c7f-7de1-49f5-ba88-07a54202ac7d" providerId="ADAL" clId="{F37813CC-6907-4F4D-B15A-1E0D0E480B20}" dt="2025-02-18T09:26:57.871" v="282"/>
          <ac:cxnSpMkLst>
            <pc:docMk/>
            <pc:sldMk cId="3265116380" sldId="2147479828"/>
            <ac:cxnSpMk id="184" creationId="{3C911883-8EAB-8994-914B-722CACE17D39}"/>
          </ac:cxnSpMkLst>
        </pc:cxnChg>
        <pc:cxnChg chg="mod">
          <ac:chgData name="Oscar Llorente Gonzalez" userId="e1d48c7f-7de1-49f5-ba88-07a54202ac7d" providerId="ADAL" clId="{F37813CC-6907-4F4D-B15A-1E0D0E480B20}" dt="2025-02-18T09:26:57.871" v="282"/>
          <ac:cxnSpMkLst>
            <pc:docMk/>
            <pc:sldMk cId="3265116380" sldId="2147479828"/>
            <ac:cxnSpMk id="185" creationId="{9ECB83AF-F0F4-1207-8B9F-E6336606751B}"/>
          </ac:cxnSpMkLst>
        </pc:cxnChg>
      </pc:sldChg>
      <pc:sldChg chg="new del">
        <pc:chgData name="Oscar Llorente Gonzalez" userId="e1d48c7f-7de1-49f5-ba88-07a54202ac7d" providerId="ADAL" clId="{F37813CC-6907-4F4D-B15A-1E0D0E480B20}" dt="2025-02-18T09:26:17.371" v="277" actId="47"/>
        <pc:sldMkLst>
          <pc:docMk/>
          <pc:sldMk cId="1954524225" sldId="2147479829"/>
        </pc:sldMkLst>
      </pc:sldChg>
      <pc:sldChg chg="addSp delSp modSp new mod ord">
        <pc:chgData name="Oscar Llorente Gonzalez" userId="e1d48c7f-7de1-49f5-ba88-07a54202ac7d" providerId="ADAL" clId="{F37813CC-6907-4F4D-B15A-1E0D0E480B20}" dt="2025-02-18T15:54:29.507" v="623" actId="790"/>
        <pc:sldMkLst>
          <pc:docMk/>
          <pc:sldMk cId="2735342000" sldId="2147479830"/>
        </pc:sldMkLst>
        <pc:spChg chg="mod">
          <ac:chgData name="Oscar Llorente Gonzalez" userId="e1d48c7f-7de1-49f5-ba88-07a54202ac7d" providerId="ADAL" clId="{F37813CC-6907-4F4D-B15A-1E0D0E480B20}" dt="2025-02-18T15:54:29.507" v="623" actId="790"/>
          <ac:spMkLst>
            <pc:docMk/>
            <pc:sldMk cId="2735342000" sldId="2147479830"/>
            <ac:spMk id="2" creationId="{774A1044-8DD4-0C15-41F1-45A0C62C348F}"/>
          </ac:spMkLst>
        </pc:spChg>
        <pc:spChg chg="del">
          <ac:chgData name="Oscar Llorente Gonzalez" userId="e1d48c7f-7de1-49f5-ba88-07a54202ac7d" providerId="ADAL" clId="{F37813CC-6907-4F4D-B15A-1E0D0E480B20}" dt="2025-02-18T09:26:02.444" v="253" actId="478"/>
          <ac:spMkLst>
            <pc:docMk/>
            <pc:sldMk cId="2735342000" sldId="2147479830"/>
            <ac:spMk id="3" creationId="{CB6271DA-F4C1-AD7E-BEAA-8E8DD3762109}"/>
          </ac:spMkLst>
        </pc:spChg>
        <pc:spChg chg="add mod">
          <ac:chgData name="Oscar Llorente Gonzalez" userId="e1d48c7f-7de1-49f5-ba88-07a54202ac7d" providerId="ADAL" clId="{F37813CC-6907-4F4D-B15A-1E0D0E480B20}" dt="2025-02-18T09:25:59.604" v="252"/>
          <ac:spMkLst>
            <pc:docMk/>
            <pc:sldMk cId="2735342000" sldId="2147479830"/>
            <ac:spMk id="4" creationId="{27B4141A-4340-06AE-59F6-2C5DA4E3387D}"/>
          </ac:spMkLst>
        </pc:spChg>
        <pc:spChg chg="add mod">
          <ac:chgData name="Oscar Llorente Gonzalez" userId="e1d48c7f-7de1-49f5-ba88-07a54202ac7d" providerId="ADAL" clId="{F37813CC-6907-4F4D-B15A-1E0D0E480B20}" dt="2025-02-18T09:25:59.604" v="252"/>
          <ac:spMkLst>
            <pc:docMk/>
            <pc:sldMk cId="2735342000" sldId="2147479830"/>
            <ac:spMk id="5" creationId="{A71A64CE-FD26-9F2B-4473-8425A6C81311}"/>
          </ac:spMkLst>
        </pc:spChg>
        <pc:spChg chg="add mod">
          <ac:chgData name="Oscar Llorente Gonzalez" userId="e1d48c7f-7de1-49f5-ba88-07a54202ac7d" providerId="ADAL" clId="{F37813CC-6907-4F4D-B15A-1E0D0E480B20}" dt="2025-02-18T09:25:59.604" v="252"/>
          <ac:spMkLst>
            <pc:docMk/>
            <pc:sldMk cId="2735342000" sldId="2147479830"/>
            <ac:spMk id="13" creationId="{CD3157F3-BDCC-0F0D-4BA6-7C1EEDFE6BEF}"/>
          </ac:spMkLst>
        </pc:spChg>
        <pc:spChg chg="add mod">
          <ac:chgData name="Oscar Llorente Gonzalez" userId="e1d48c7f-7de1-49f5-ba88-07a54202ac7d" providerId="ADAL" clId="{F37813CC-6907-4F4D-B15A-1E0D0E480B20}" dt="2025-02-18T09:25:59.604" v="252"/>
          <ac:spMkLst>
            <pc:docMk/>
            <pc:sldMk cId="2735342000" sldId="2147479830"/>
            <ac:spMk id="14" creationId="{347DBAA0-A421-7CB2-7DC0-5B783D05F46D}"/>
          </ac:spMkLst>
        </pc:spChg>
        <pc:spChg chg="add mod">
          <ac:chgData name="Oscar Llorente Gonzalez" userId="e1d48c7f-7de1-49f5-ba88-07a54202ac7d" providerId="ADAL" clId="{F37813CC-6907-4F4D-B15A-1E0D0E480B20}" dt="2025-02-18T09:25:59.604" v="252"/>
          <ac:spMkLst>
            <pc:docMk/>
            <pc:sldMk cId="2735342000" sldId="2147479830"/>
            <ac:spMk id="15" creationId="{E0C9C55C-2A39-D9FD-A61C-12B00FBFFAD2}"/>
          </ac:spMkLst>
        </pc:spChg>
        <pc:spChg chg="add mod">
          <ac:chgData name="Oscar Llorente Gonzalez" userId="e1d48c7f-7de1-49f5-ba88-07a54202ac7d" providerId="ADAL" clId="{F37813CC-6907-4F4D-B15A-1E0D0E480B20}" dt="2025-02-18T09:25:59.604" v="252"/>
          <ac:spMkLst>
            <pc:docMk/>
            <pc:sldMk cId="2735342000" sldId="2147479830"/>
            <ac:spMk id="17" creationId="{B2F8A8A5-0DD6-E756-F662-C006213FD601}"/>
          </ac:spMkLst>
        </pc:spChg>
        <pc:spChg chg="add mod">
          <ac:chgData name="Oscar Llorente Gonzalez" userId="e1d48c7f-7de1-49f5-ba88-07a54202ac7d" providerId="ADAL" clId="{F37813CC-6907-4F4D-B15A-1E0D0E480B20}" dt="2025-02-18T09:25:59.604" v="252"/>
          <ac:spMkLst>
            <pc:docMk/>
            <pc:sldMk cId="2735342000" sldId="2147479830"/>
            <ac:spMk id="18" creationId="{1E31F9C9-11A4-2776-5DA9-C5EFB7F611DE}"/>
          </ac:spMkLst>
        </pc:spChg>
        <pc:picChg chg="add mod">
          <ac:chgData name="Oscar Llorente Gonzalez" userId="e1d48c7f-7de1-49f5-ba88-07a54202ac7d" providerId="ADAL" clId="{F37813CC-6907-4F4D-B15A-1E0D0E480B20}" dt="2025-02-18T09:25:59.604" v="252"/>
          <ac:picMkLst>
            <pc:docMk/>
            <pc:sldMk cId="2735342000" sldId="2147479830"/>
            <ac:picMk id="6" creationId="{2FB4DB81-6480-1962-8706-09DA36AA4A46}"/>
          </ac:picMkLst>
        </pc:picChg>
        <pc:picChg chg="add mod">
          <ac:chgData name="Oscar Llorente Gonzalez" userId="e1d48c7f-7de1-49f5-ba88-07a54202ac7d" providerId="ADAL" clId="{F37813CC-6907-4F4D-B15A-1E0D0E480B20}" dt="2025-02-18T09:25:59.604" v="252"/>
          <ac:picMkLst>
            <pc:docMk/>
            <pc:sldMk cId="2735342000" sldId="2147479830"/>
            <ac:picMk id="7" creationId="{57FDDF4A-7456-1B09-0863-4D9F3E85D08B}"/>
          </ac:picMkLst>
        </pc:picChg>
        <pc:picChg chg="add mod">
          <ac:chgData name="Oscar Llorente Gonzalez" userId="e1d48c7f-7de1-49f5-ba88-07a54202ac7d" providerId="ADAL" clId="{F37813CC-6907-4F4D-B15A-1E0D0E480B20}" dt="2025-02-18T09:25:59.604" v="252"/>
          <ac:picMkLst>
            <pc:docMk/>
            <pc:sldMk cId="2735342000" sldId="2147479830"/>
            <ac:picMk id="8" creationId="{B72CF577-4C69-8091-0B65-904D51FCC0C2}"/>
          </ac:picMkLst>
        </pc:picChg>
        <pc:cxnChg chg="add mod">
          <ac:chgData name="Oscar Llorente Gonzalez" userId="e1d48c7f-7de1-49f5-ba88-07a54202ac7d" providerId="ADAL" clId="{F37813CC-6907-4F4D-B15A-1E0D0E480B20}" dt="2025-02-18T09:25:59.604" v="252"/>
          <ac:cxnSpMkLst>
            <pc:docMk/>
            <pc:sldMk cId="2735342000" sldId="2147479830"/>
            <ac:cxnSpMk id="9" creationId="{DB52D09B-4BD3-9A3B-D4AD-2F749936E594}"/>
          </ac:cxnSpMkLst>
        </pc:cxnChg>
        <pc:cxnChg chg="add mod">
          <ac:chgData name="Oscar Llorente Gonzalez" userId="e1d48c7f-7de1-49f5-ba88-07a54202ac7d" providerId="ADAL" clId="{F37813CC-6907-4F4D-B15A-1E0D0E480B20}" dt="2025-02-18T09:25:59.604" v="252"/>
          <ac:cxnSpMkLst>
            <pc:docMk/>
            <pc:sldMk cId="2735342000" sldId="2147479830"/>
            <ac:cxnSpMk id="10" creationId="{20409417-9041-758A-589D-F85D2BAC82B8}"/>
          </ac:cxnSpMkLst>
        </pc:cxnChg>
        <pc:cxnChg chg="add mod">
          <ac:chgData name="Oscar Llorente Gonzalez" userId="e1d48c7f-7de1-49f5-ba88-07a54202ac7d" providerId="ADAL" clId="{F37813CC-6907-4F4D-B15A-1E0D0E480B20}" dt="2025-02-18T09:25:59.604" v="252"/>
          <ac:cxnSpMkLst>
            <pc:docMk/>
            <pc:sldMk cId="2735342000" sldId="2147479830"/>
            <ac:cxnSpMk id="11" creationId="{E8B12B34-D3B9-F09A-8523-32E023D645D3}"/>
          </ac:cxnSpMkLst>
        </pc:cxnChg>
        <pc:cxnChg chg="add mod">
          <ac:chgData name="Oscar Llorente Gonzalez" userId="e1d48c7f-7de1-49f5-ba88-07a54202ac7d" providerId="ADAL" clId="{F37813CC-6907-4F4D-B15A-1E0D0E480B20}" dt="2025-02-18T09:25:59.604" v="252"/>
          <ac:cxnSpMkLst>
            <pc:docMk/>
            <pc:sldMk cId="2735342000" sldId="2147479830"/>
            <ac:cxnSpMk id="12" creationId="{A9C960F9-B281-AF4B-2762-1C9F76576561}"/>
          </ac:cxnSpMkLst>
        </pc:cxnChg>
        <pc:cxnChg chg="add mod">
          <ac:chgData name="Oscar Llorente Gonzalez" userId="e1d48c7f-7de1-49f5-ba88-07a54202ac7d" providerId="ADAL" clId="{F37813CC-6907-4F4D-B15A-1E0D0E480B20}" dt="2025-02-18T09:25:59.604" v="252"/>
          <ac:cxnSpMkLst>
            <pc:docMk/>
            <pc:sldMk cId="2735342000" sldId="2147479830"/>
            <ac:cxnSpMk id="16" creationId="{3F269CD2-03C4-4F3C-4A85-F8DEA0926203}"/>
          </ac:cxnSpMkLst>
        </pc:cxnChg>
      </pc:sldChg>
      <pc:sldChg chg="addSp delSp modSp new mod">
        <pc:chgData name="Oscar Llorente Gonzalez" userId="e1d48c7f-7de1-49f5-ba88-07a54202ac7d" providerId="ADAL" clId="{F37813CC-6907-4F4D-B15A-1E0D0E480B20}" dt="2025-02-19T22:05:16.722" v="749" actId="20577"/>
        <pc:sldMkLst>
          <pc:docMk/>
          <pc:sldMk cId="308179650" sldId="2147479831"/>
        </pc:sldMkLst>
        <pc:spChg chg="mod">
          <ac:chgData name="Oscar Llorente Gonzalez" userId="e1d48c7f-7de1-49f5-ba88-07a54202ac7d" providerId="ADAL" clId="{F37813CC-6907-4F4D-B15A-1E0D0E480B20}" dt="2025-02-19T22:05:16.722" v="749" actId="20577"/>
          <ac:spMkLst>
            <pc:docMk/>
            <pc:sldMk cId="308179650" sldId="2147479831"/>
            <ac:spMk id="2" creationId="{DBC51465-6783-8E33-CE0E-0C42EDAF6CCE}"/>
          </ac:spMkLst>
        </pc:spChg>
        <pc:spChg chg="del">
          <ac:chgData name="Oscar Llorente Gonzalez" userId="e1d48c7f-7de1-49f5-ba88-07a54202ac7d" providerId="ADAL" clId="{F37813CC-6907-4F4D-B15A-1E0D0E480B20}" dt="2025-02-18T09:27:56.028" v="318" actId="478"/>
          <ac:spMkLst>
            <pc:docMk/>
            <pc:sldMk cId="308179650" sldId="2147479831"/>
            <ac:spMk id="3" creationId="{47353F21-E565-768E-4C6F-5C07931F32C2}"/>
          </ac:spMkLst>
        </pc:spChg>
        <pc:spChg chg="add mod">
          <ac:chgData name="Oscar Llorente Gonzalez" userId="e1d48c7f-7de1-49f5-ba88-07a54202ac7d" providerId="ADAL" clId="{F37813CC-6907-4F4D-B15A-1E0D0E480B20}" dt="2025-02-18T09:28:00.266" v="320" actId="1076"/>
          <ac:spMkLst>
            <pc:docMk/>
            <pc:sldMk cId="308179650" sldId="2147479831"/>
            <ac:spMk id="4" creationId="{DDD718E0-FB4C-3CC6-D30D-FFC0D30190CB}"/>
          </ac:spMkLst>
        </pc:spChg>
        <pc:spChg chg="add mod">
          <ac:chgData name="Oscar Llorente Gonzalez" userId="e1d48c7f-7de1-49f5-ba88-07a54202ac7d" providerId="ADAL" clId="{F37813CC-6907-4F4D-B15A-1E0D0E480B20}" dt="2025-02-18T09:28:00.266" v="320" actId="1076"/>
          <ac:spMkLst>
            <pc:docMk/>
            <pc:sldMk cId="308179650" sldId="2147479831"/>
            <ac:spMk id="5" creationId="{2F2C02B2-56A8-ECBF-B444-892276469C24}"/>
          </ac:spMkLst>
        </pc:spChg>
        <pc:spChg chg="add mod">
          <ac:chgData name="Oscar Llorente Gonzalez" userId="e1d48c7f-7de1-49f5-ba88-07a54202ac7d" providerId="ADAL" clId="{F37813CC-6907-4F4D-B15A-1E0D0E480B20}" dt="2025-02-18T09:28:00.266" v="320" actId="1076"/>
          <ac:spMkLst>
            <pc:docMk/>
            <pc:sldMk cId="308179650" sldId="2147479831"/>
            <ac:spMk id="6" creationId="{EB22DB6F-6E27-673E-5295-75DF53FD35E4}"/>
          </ac:spMkLst>
        </pc:spChg>
        <pc:spChg chg="add mod">
          <ac:chgData name="Oscar Llorente Gonzalez" userId="e1d48c7f-7de1-49f5-ba88-07a54202ac7d" providerId="ADAL" clId="{F37813CC-6907-4F4D-B15A-1E0D0E480B20}" dt="2025-02-18T09:28:00.266" v="320" actId="1076"/>
          <ac:spMkLst>
            <pc:docMk/>
            <pc:sldMk cId="308179650" sldId="2147479831"/>
            <ac:spMk id="7" creationId="{E221FCFA-60AE-3FC1-34CF-028FDA700FB2}"/>
          </ac:spMkLst>
        </pc:spChg>
        <pc:spChg chg="add mod">
          <ac:chgData name="Oscar Llorente Gonzalez" userId="e1d48c7f-7de1-49f5-ba88-07a54202ac7d" providerId="ADAL" clId="{F37813CC-6907-4F4D-B15A-1E0D0E480B20}" dt="2025-02-18T09:28:00.266" v="320" actId="1076"/>
          <ac:spMkLst>
            <pc:docMk/>
            <pc:sldMk cId="308179650" sldId="2147479831"/>
            <ac:spMk id="8" creationId="{294A3297-A565-7CD1-DE89-66F416B94630}"/>
          </ac:spMkLst>
        </pc:spChg>
        <pc:spChg chg="add mod">
          <ac:chgData name="Oscar Llorente Gonzalez" userId="e1d48c7f-7de1-49f5-ba88-07a54202ac7d" providerId="ADAL" clId="{F37813CC-6907-4F4D-B15A-1E0D0E480B20}" dt="2025-02-18T09:28:00.266" v="320" actId="1076"/>
          <ac:spMkLst>
            <pc:docMk/>
            <pc:sldMk cId="308179650" sldId="2147479831"/>
            <ac:spMk id="9" creationId="{0C12E398-5448-5535-AF94-09E471FAB46A}"/>
          </ac:spMkLst>
        </pc:spChg>
        <pc:spChg chg="add mod">
          <ac:chgData name="Oscar Llorente Gonzalez" userId="e1d48c7f-7de1-49f5-ba88-07a54202ac7d" providerId="ADAL" clId="{F37813CC-6907-4F4D-B15A-1E0D0E480B20}" dt="2025-02-18T09:28:00.266" v="320" actId="1076"/>
          <ac:spMkLst>
            <pc:docMk/>
            <pc:sldMk cId="308179650" sldId="2147479831"/>
            <ac:spMk id="10" creationId="{CEC1585E-E821-9546-DED8-60A28E30CAB2}"/>
          </ac:spMkLst>
        </pc:spChg>
        <pc:spChg chg="add mod">
          <ac:chgData name="Oscar Llorente Gonzalez" userId="e1d48c7f-7de1-49f5-ba88-07a54202ac7d" providerId="ADAL" clId="{F37813CC-6907-4F4D-B15A-1E0D0E480B20}" dt="2025-02-18T09:28:00.266" v="320" actId="1076"/>
          <ac:spMkLst>
            <pc:docMk/>
            <pc:sldMk cId="308179650" sldId="2147479831"/>
            <ac:spMk id="11" creationId="{97CE6102-8077-B86A-46DA-5C96FC747FE5}"/>
          </ac:spMkLst>
        </pc:spChg>
        <pc:spChg chg="add mod">
          <ac:chgData name="Oscar Llorente Gonzalez" userId="e1d48c7f-7de1-49f5-ba88-07a54202ac7d" providerId="ADAL" clId="{F37813CC-6907-4F4D-B15A-1E0D0E480B20}" dt="2025-02-18T09:28:00.266" v="320" actId="1076"/>
          <ac:spMkLst>
            <pc:docMk/>
            <pc:sldMk cId="308179650" sldId="2147479831"/>
            <ac:spMk id="12" creationId="{520A189C-24A5-CBB3-085B-62AF66A262AF}"/>
          </ac:spMkLst>
        </pc:spChg>
        <pc:spChg chg="add mod">
          <ac:chgData name="Oscar Llorente Gonzalez" userId="e1d48c7f-7de1-49f5-ba88-07a54202ac7d" providerId="ADAL" clId="{F37813CC-6907-4F4D-B15A-1E0D0E480B20}" dt="2025-02-18T09:28:00.266" v="320" actId="1076"/>
          <ac:spMkLst>
            <pc:docMk/>
            <pc:sldMk cId="308179650" sldId="2147479831"/>
            <ac:spMk id="13" creationId="{836154C8-88A4-4C45-8269-8068D02E6720}"/>
          </ac:spMkLst>
        </pc:spChg>
        <pc:spChg chg="add mod">
          <ac:chgData name="Oscar Llorente Gonzalez" userId="e1d48c7f-7de1-49f5-ba88-07a54202ac7d" providerId="ADAL" clId="{F37813CC-6907-4F4D-B15A-1E0D0E480B20}" dt="2025-02-18T09:28:00.266" v="320" actId="1076"/>
          <ac:spMkLst>
            <pc:docMk/>
            <pc:sldMk cId="308179650" sldId="2147479831"/>
            <ac:spMk id="14" creationId="{E13678FD-3A1E-9953-803E-1D76269342D3}"/>
          </ac:spMkLst>
        </pc:spChg>
        <pc:spChg chg="add mod">
          <ac:chgData name="Oscar Llorente Gonzalez" userId="e1d48c7f-7de1-49f5-ba88-07a54202ac7d" providerId="ADAL" clId="{F37813CC-6907-4F4D-B15A-1E0D0E480B20}" dt="2025-02-18T09:28:44.213" v="325" actId="1076"/>
          <ac:spMkLst>
            <pc:docMk/>
            <pc:sldMk cId="308179650" sldId="2147479831"/>
            <ac:spMk id="33" creationId="{3D6394E2-4524-C32A-2BEA-658D5C7B7490}"/>
          </ac:spMkLst>
        </pc:spChg>
        <pc:spChg chg="add mod">
          <ac:chgData name="Oscar Llorente Gonzalez" userId="e1d48c7f-7de1-49f5-ba88-07a54202ac7d" providerId="ADAL" clId="{F37813CC-6907-4F4D-B15A-1E0D0E480B20}" dt="2025-02-18T09:28:14.123" v="321" actId="2711"/>
          <ac:spMkLst>
            <pc:docMk/>
            <pc:sldMk cId="308179650" sldId="2147479831"/>
            <ac:spMk id="35" creationId="{E6CC31D3-DBB2-15BC-6E17-C29154E2270A}"/>
          </ac:spMkLst>
        </pc:spChg>
        <pc:spChg chg="add mod">
          <ac:chgData name="Oscar Llorente Gonzalez" userId="e1d48c7f-7de1-49f5-ba88-07a54202ac7d" providerId="ADAL" clId="{F37813CC-6907-4F4D-B15A-1E0D0E480B20}" dt="2025-02-18T09:28:14.123" v="321" actId="2711"/>
          <ac:spMkLst>
            <pc:docMk/>
            <pc:sldMk cId="308179650" sldId="2147479831"/>
            <ac:spMk id="36" creationId="{CD5DB5FE-FA14-571E-D1C1-0FFB4D0B3F9A}"/>
          </ac:spMkLst>
        </pc:spChg>
        <pc:picChg chg="add mod">
          <ac:chgData name="Oscar Llorente Gonzalez" userId="e1d48c7f-7de1-49f5-ba88-07a54202ac7d" providerId="ADAL" clId="{F37813CC-6907-4F4D-B15A-1E0D0E480B20}" dt="2025-02-18T09:28:00.266" v="320" actId="1076"/>
          <ac:picMkLst>
            <pc:docMk/>
            <pc:sldMk cId="308179650" sldId="2147479831"/>
            <ac:picMk id="15" creationId="{B70DB884-C4C6-F719-52E0-AE0F96D41FFA}"/>
          </ac:picMkLst>
        </pc:picChg>
        <pc:picChg chg="add mod">
          <ac:chgData name="Oscar Llorente Gonzalez" userId="e1d48c7f-7de1-49f5-ba88-07a54202ac7d" providerId="ADAL" clId="{F37813CC-6907-4F4D-B15A-1E0D0E480B20}" dt="2025-02-18T09:28:00.266" v="320" actId="1076"/>
          <ac:picMkLst>
            <pc:docMk/>
            <pc:sldMk cId="308179650" sldId="2147479831"/>
            <ac:picMk id="16" creationId="{68642E3D-1FAA-6269-4AB5-C01ACE03E685}"/>
          </ac:picMkLst>
        </pc:picChg>
        <pc:picChg chg="add mod">
          <ac:chgData name="Oscar Llorente Gonzalez" userId="e1d48c7f-7de1-49f5-ba88-07a54202ac7d" providerId="ADAL" clId="{F37813CC-6907-4F4D-B15A-1E0D0E480B20}" dt="2025-02-18T09:28:00.266" v="320" actId="1076"/>
          <ac:picMkLst>
            <pc:docMk/>
            <pc:sldMk cId="308179650" sldId="2147479831"/>
            <ac:picMk id="17" creationId="{FE233DF1-BE00-9D50-4B73-902FC433E36E}"/>
          </ac:picMkLst>
        </pc:picChg>
        <pc:picChg chg="add mod">
          <ac:chgData name="Oscar Llorente Gonzalez" userId="e1d48c7f-7de1-49f5-ba88-07a54202ac7d" providerId="ADAL" clId="{F37813CC-6907-4F4D-B15A-1E0D0E480B20}" dt="2025-02-18T09:28:00.266" v="320" actId="1076"/>
          <ac:picMkLst>
            <pc:docMk/>
            <pc:sldMk cId="308179650" sldId="2147479831"/>
            <ac:picMk id="18" creationId="{2C510F1A-FF3A-9274-3FB2-D96012662BD6}"/>
          </ac:picMkLst>
        </pc:picChg>
        <pc:picChg chg="add mod">
          <ac:chgData name="Oscar Llorente Gonzalez" userId="e1d48c7f-7de1-49f5-ba88-07a54202ac7d" providerId="ADAL" clId="{F37813CC-6907-4F4D-B15A-1E0D0E480B20}" dt="2025-02-18T09:28:00.266" v="320" actId="1076"/>
          <ac:picMkLst>
            <pc:docMk/>
            <pc:sldMk cId="308179650" sldId="2147479831"/>
            <ac:picMk id="19" creationId="{5A82FF9A-F804-E39B-1F89-EE5C475ADABE}"/>
          </ac:picMkLst>
        </pc:picChg>
        <pc:picChg chg="add mod">
          <ac:chgData name="Oscar Llorente Gonzalez" userId="e1d48c7f-7de1-49f5-ba88-07a54202ac7d" providerId="ADAL" clId="{F37813CC-6907-4F4D-B15A-1E0D0E480B20}" dt="2025-02-18T09:28:00.266" v="320" actId="1076"/>
          <ac:picMkLst>
            <pc:docMk/>
            <pc:sldMk cId="308179650" sldId="2147479831"/>
            <ac:picMk id="20" creationId="{6E0D851D-CD54-DEBB-FC0D-6986D92F5BCD}"/>
          </ac:picMkLst>
        </pc:picChg>
        <pc:picChg chg="add mod">
          <ac:chgData name="Oscar Llorente Gonzalez" userId="e1d48c7f-7de1-49f5-ba88-07a54202ac7d" providerId="ADAL" clId="{F37813CC-6907-4F4D-B15A-1E0D0E480B20}" dt="2025-02-18T09:28:00.266" v="320" actId="1076"/>
          <ac:picMkLst>
            <pc:docMk/>
            <pc:sldMk cId="308179650" sldId="2147479831"/>
            <ac:picMk id="21" creationId="{9369E914-61E3-3221-0830-40BD49D8615D}"/>
          </ac:picMkLst>
        </pc:picChg>
        <pc:picChg chg="add mod">
          <ac:chgData name="Oscar Llorente Gonzalez" userId="e1d48c7f-7de1-49f5-ba88-07a54202ac7d" providerId="ADAL" clId="{F37813CC-6907-4F4D-B15A-1E0D0E480B20}" dt="2025-02-18T09:28:00.266" v="320" actId="1076"/>
          <ac:picMkLst>
            <pc:docMk/>
            <pc:sldMk cId="308179650" sldId="2147479831"/>
            <ac:picMk id="22" creationId="{D7A96F2A-E25F-373B-6C1E-101BB0BF60BF}"/>
          </ac:picMkLst>
        </pc:picChg>
        <pc:picChg chg="add mod">
          <ac:chgData name="Oscar Llorente Gonzalez" userId="e1d48c7f-7de1-49f5-ba88-07a54202ac7d" providerId="ADAL" clId="{F37813CC-6907-4F4D-B15A-1E0D0E480B20}" dt="2025-02-18T09:28:00.266" v="320" actId="1076"/>
          <ac:picMkLst>
            <pc:docMk/>
            <pc:sldMk cId="308179650" sldId="2147479831"/>
            <ac:picMk id="23" creationId="{21D8B5E6-06F9-EAC1-D030-F85CD55CC72B}"/>
          </ac:picMkLst>
        </pc:picChg>
        <pc:picChg chg="add mod">
          <ac:chgData name="Oscar Llorente Gonzalez" userId="e1d48c7f-7de1-49f5-ba88-07a54202ac7d" providerId="ADAL" clId="{F37813CC-6907-4F4D-B15A-1E0D0E480B20}" dt="2025-02-18T09:28:00.266" v="320" actId="1076"/>
          <ac:picMkLst>
            <pc:docMk/>
            <pc:sldMk cId="308179650" sldId="2147479831"/>
            <ac:picMk id="24" creationId="{1FB82C8D-5ED4-BBC5-04AE-EC8CBF092F95}"/>
          </ac:picMkLst>
        </pc:picChg>
        <pc:picChg chg="add mod">
          <ac:chgData name="Oscar Llorente Gonzalez" userId="e1d48c7f-7de1-49f5-ba88-07a54202ac7d" providerId="ADAL" clId="{F37813CC-6907-4F4D-B15A-1E0D0E480B20}" dt="2025-02-18T09:28:00.266" v="320" actId="1076"/>
          <ac:picMkLst>
            <pc:docMk/>
            <pc:sldMk cId="308179650" sldId="2147479831"/>
            <ac:picMk id="25" creationId="{ACA46D10-2501-40CC-F299-68A3B0E55115}"/>
          </ac:picMkLst>
        </pc:picChg>
        <pc:picChg chg="add mod">
          <ac:chgData name="Oscar Llorente Gonzalez" userId="e1d48c7f-7de1-49f5-ba88-07a54202ac7d" providerId="ADAL" clId="{F37813CC-6907-4F4D-B15A-1E0D0E480B20}" dt="2025-02-18T09:28:00.266" v="320" actId="1076"/>
          <ac:picMkLst>
            <pc:docMk/>
            <pc:sldMk cId="308179650" sldId="2147479831"/>
            <ac:picMk id="26" creationId="{78307CF9-A0A5-64DB-6207-1D26D93965A5}"/>
          </ac:picMkLst>
        </pc:picChg>
        <pc:picChg chg="add mod">
          <ac:chgData name="Oscar Llorente Gonzalez" userId="e1d48c7f-7de1-49f5-ba88-07a54202ac7d" providerId="ADAL" clId="{F37813CC-6907-4F4D-B15A-1E0D0E480B20}" dt="2025-02-18T09:28:00.266" v="320" actId="1076"/>
          <ac:picMkLst>
            <pc:docMk/>
            <pc:sldMk cId="308179650" sldId="2147479831"/>
            <ac:picMk id="27" creationId="{268AF073-5653-328A-0139-020D122DB319}"/>
          </ac:picMkLst>
        </pc:picChg>
        <pc:picChg chg="add mod">
          <ac:chgData name="Oscar Llorente Gonzalez" userId="e1d48c7f-7de1-49f5-ba88-07a54202ac7d" providerId="ADAL" clId="{F37813CC-6907-4F4D-B15A-1E0D0E480B20}" dt="2025-02-18T09:28:00.266" v="320" actId="1076"/>
          <ac:picMkLst>
            <pc:docMk/>
            <pc:sldMk cId="308179650" sldId="2147479831"/>
            <ac:picMk id="28" creationId="{EFE8EF1E-19A8-8955-4F43-BCAA954227D3}"/>
          </ac:picMkLst>
        </pc:picChg>
        <pc:picChg chg="add mod">
          <ac:chgData name="Oscar Llorente Gonzalez" userId="e1d48c7f-7de1-49f5-ba88-07a54202ac7d" providerId="ADAL" clId="{F37813CC-6907-4F4D-B15A-1E0D0E480B20}" dt="2025-02-18T09:28:00.266" v="320" actId="1076"/>
          <ac:picMkLst>
            <pc:docMk/>
            <pc:sldMk cId="308179650" sldId="2147479831"/>
            <ac:picMk id="29" creationId="{5848F20B-321B-B1B9-6BFD-2C677EE77AF6}"/>
          </ac:picMkLst>
        </pc:picChg>
        <pc:picChg chg="add mod">
          <ac:chgData name="Oscar Llorente Gonzalez" userId="e1d48c7f-7de1-49f5-ba88-07a54202ac7d" providerId="ADAL" clId="{F37813CC-6907-4F4D-B15A-1E0D0E480B20}" dt="2025-02-18T09:28:00.266" v="320" actId="1076"/>
          <ac:picMkLst>
            <pc:docMk/>
            <pc:sldMk cId="308179650" sldId="2147479831"/>
            <ac:picMk id="30" creationId="{0C02BCE4-5614-7BBD-3430-2E275C8406CB}"/>
          </ac:picMkLst>
        </pc:picChg>
        <pc:picChg chg="add mod">
          <ac:chgData name="Oscar Llorente Gonzalez" userId="e1d48c7f-7de1-49f5-ba88-07a54202ac7d" providerId="ADAL" clId="{F37813CC-6907-4F4D-B15A-1E0D0E480B20}" dt="2025-02-18T09:28:00.266" v="320" actId="1076"/>
          <ac:picMkLst>
            <pc:docMk/>
            <pc:sldMk cId="308179650" sldId="2147479831"/>
            <ac:picMk id="31" creationId="{750D9EBC-C4D6-85B2-52F8-1DD66A4958B4}"/>
          </ac:picMkLst>
        </pc:picChg>
        <pc:picChg chg="add mod">
          <ac:chgData name="Oscar Llorente Gonzalez" userId="e1d48c7f-7de1-49f5-ba88-07a54202ac7d" providerId="ADAL" clId="{F37813CC-6907-4F4D-B15A-1E0D0E480B20}" dt="2025-02-18T09:28:44.213" v="325" actId="1076"/>
          <ac:picMkLst>
            <pc:docMk/>
            <pc:sldMk cId="308179650" sldId="2147479831"/>
            <ac:picMk id="32" creationId="{F6C959D5-13C6-84FC-8819-4FD1378D6092}"/>
          </ac:picMkLst>
        </pc:picChg>
        <pc:cxnChg chg="add mod">
          <ac:chgData name="Oscar Llorente Gonzalez" userId="e1d48c7f-7de1-49f5-ba88-07a54202ac7d" providerId="ADAL" clId="{F37813CC-6907-4F4D-B15A-1E0D0E480B20}" dt="2025-02-18T09:28:44.213" v="325" actId="1076"/>
          <ac:cxnSpMkLst>
            <pc:docMk/>
            <pc:sldMk cId="308179650" sldId="2147479831"/>
            <ac:cxnSpMk id="34" creationId="{CC31204A-9EB0-EC47-4391-D62CA67E799C}"/>
          </ac:cxnSpMkLst>
        </pc:cxnChg>
      </pc:sldChg>
      <pc:sldChg chg="addSp delSp modSp new mod">
        <pc:chgData name="Oscar Llorente Gonzalez" userId="e1d48c7f-7de1-49f5-ba88-07a54202ac7d" providerId="ADAL" clId="{F37813CC-6907-4F4D-B15A-1E0D0E480B20}" dt="2025-02-20T14:15:37.566" v="1072" actId="790"/>
        <pc:sldMkLst>
          <pc:docMk/>
          <pc:sldMk cId="206420167" sldId="2147479832"/>
        </pc:sldMkLst>
        <pc:spChg chg="mod">
          <ac:chgData name="Oscar Llorente Gonzalez" userId="e1d48c7f-7de1-49f5-ba88-07a54202ac7d" providerId="ADAL" clId="{F37813CC-6907-4F4D-B15A-1E0D0E480B20}" dt="2025-02-20T14:15:37.566" v="1072" actId="790"/>
          <ac:spMkLst>
            <pc:docMk/>
            <pc:sldMk cId="206420167" sldId="2147479832"/>
            <ac:spMk id="2" creationId="{F3149E1A-50E1-308A-C908-C4DF15F69F97}"/>
          </ac:spMkLst>
        </pc:spChg>
        <pc:spChg chg="del">
          <ac:chgData name="Oscar Llorente Gonzalez" userId="e1d48c7f-7de1-49f5-ba88-07a54202ac7d" providerId="ADAL" clId="{F37813CC-6907-4F4D-B15A-1E0D0E480B20}" dt="2025-02-18T09:31:28.565" v="361" actId="478"/>
          <ac:spMkLst>
            <pc:docMk/>
            <pc:sldMk cId="206420167" sldId="2147479832"/>
            <ac:spMk id="3" creationId="{36264B38-D343-2618-5D10-9C6F434211D1}"/>
          </ac:spMkLst>
        </pc:spChg>
        <pc:picChg chg="add mod">
          <ac:chgData name="Oscar Llorente Gonzalez" userId="e1d48c7f-7de1-49f5-ba88-07a54202ac7d" providerId="ADAL" clId="{F37813CC-6907-4F4D-B15A-1E0D0E480B20}" dt="2025-02-18T09:31:41.123" v="368" actId="1076"/>
          <ac:picMkLst>
            <pc:docMk/>
            <pc:sldMk cId="206420167" sldId="2147479832"/>
            <ac:picMk id="4" creationId="{D70E7917-AAFA-BC10-EA57-2BC7C15BC0A1}"/>
          </ac:picMkLst>
        </pc:picChg>
        <pc:picChg chg="add mod">
          <ac:chgData name="Oscar Llorente Gonzalez" userId="e1d48c7f-7de1-49f5-ba88-07a54202ac7d" providerId="ADAL" clId="{F37813CC-6907-4F4D-B15A-1E0D0E480B20}" dt="2025-02-18T09:31:40.194" v="367" actId="1076"/>
          <ac:picMkLst>
            <pc:docMk/>
            <pc:sldMk cId="206420167" sldId="2147479832"/>
            <ac:picMk id="5" creationId="{AF0A25A1-DF5A-8A68-ADFA-2CC247708748}"/>
          </ac:picMkLst>
        </pc:picChg>
      </pc:sldChg>
      <pc:sldChg chg="addSp delSp modSp new mod ord">
        <pc:chgData name="Oscar Llorente Gonzalez" userId="e1d48c7f-7de1-49f5-ba88-07a54202ac7d" providerId="ADAL" clId="{F37813CC-6907-4F4D-B15A-1E0D0E480B20}" dt="2025-02-20T10:52:35.761" v="781" actId="20577"/>
        <pc:sldMkLst>
          <pc:docMk/>
          <pc:sldMk cId="2764360597" sldId="2147479833"/>
        </pc:sldMkLst>
        <pc:spChg chg="mod">
          <ac:chgData name="Oscar Llorente Gonzalez" userId="e1d48c7f-7de1-49f5-ba88-07a54202ac7d" providerId="ADAL" clId="{F37813CC-6907-4F4D-B15A-1E0D0E480B20}" dt="2025-02-20T10:52:35.761" v="781" actId="20577"/>
          <ac:spMkLst>
            <pc:docMk/>
            <pc:sldMk cId="2764360597" sldId="2147479833"/>
            <ac:spMk id="2" creationId="{961559ED-FDB1-AE0B-6739-08CD8A57B92E}"/>
          </ac:spMkLst>
        </pc:spChg>
        <pc:spChg chg="del">
          <ac:chgData name="Oscar Llorente Gonzalez" userId="e1d48c7f-7de1-49f5-ba88-07a54202ac7d" providerId="ADAL" clId="{F37813CC-6907-4F4D-B15A-1E0D0E480B20}" dt="2025-02-18T09:36:24.083" v="455" actId="478"/>
          <ac:spMkLst>
            <pc:docMk/>
            <pc:sldMk cId="2764360597" sldId="2147479833"/>
            <ac:spMk id="3" creationId="{FCF6CD29-D39B-5699-5C98-23EDD40F7FC7}"/>
          </ac:spMkLst>
        </pc:spChg>
        <pc:picChg chg="add mod">
          <ac:chgData name="Oscar Llorente Gonzalez" userId="e1d48c7f-7de1-49f5-ba88-07a54202ac7d" providerId="ADAL" clId="{F37813CC-6907-4F4D-B15A-1E0D0E480B20}" dt="2025-02-18T09:36:38.878" v="463" actId="1076"/>
          <ac:picMkLst>
            <pc:docMk/>
            <pc:sldMk cId="2764360597" sldId="2147479833"/>
            <ac:picMk id="5" creationId="{7D3F02DB-84B6-64BF-B698-2450CA5F663B}"/>
          </ac:picMkLst>
        </pc:picChg>
      </pc:sldChg>
      <pc:sldChg chg="modSp new mod">
        <pc:chgData name="Oscar Llorente Gonzalez" userId="e1d48c7f-7de1-49f5-ba88-07a54202ac7d" providerId="ADAL" clId="{F37813CC-6907-4F4D-B15A-1E0D0E480B20}" dt="2025-02-18T15:52:51.463" v="481"/>
        <pc:sldMkLst>
          <pc:docMk/>
          <pc:sldMk cId="3142548179" sldId="2147479834"/>
        </pc:sldMkLst>
        <pc:spChg chg="mod">
          <ac:chgData name="Oscar Llorente Gonzalez" userId="e1d48c7f-7de1-49f5-ba88-07a54202ac7d" providerId="ADAL" clId="{F37813CC-6907-4F4D-B15A-1E0D0E480B20}" dt="2025-02-18T15:51:55.538" v="474" actId="20577"/>
          <ac:spMkLst>
            <pc:docMk/>
            <pc:sldMk cId="3142548179" sldId="2147479834"/>
            <ac:spMk id="2" creationId="{8DE0EE4F-3000-927C-3CDB-6296960C4C71}"/>
          </ac:spMkLst>
        </pc:spChg>
        <pc:spChg chg="mod">
          <ac:chgData name="Oscar Llorente Gonzalez" userId="e1d48c7f-7de1-49f5-ba88-07a54202ac7d" providerId="ADAL" clId="{F37813CC-6907-4F4D-B15A-1E0D0E480B20}" dt="2025-02-18T15:52:51.463" v="481"/>
          <ac:spMkLst>
            <pc:docMk/>
            <pc:sldMk cId="3142548179" sldId="2147479834"/>
            <ac:spMk id="3" creationId="{FEE58850-F4A1-D07C-0233-D4EE5758F0A4}"/>
          </ac:spMkLst>
        </pc:spChg>
      </pc:sldChg>
      <pc:sldChg chg="addSp delSp modSp new mod ord">
        <pc:chgData name="Oscar Llorente Gonzalez" userId="e1d48c7f-7de1-49f5-ba88-07a54202ac7d" providerId="ADAL" clId="{F37813CC-6907-4F4D-B15A-1E0D0E480B20}" dt="2025-02-20T14:04:02.701" v="951"/>
        <pc:sldMkLst>
          <pc:docMk/>
          <pc:sldMk cId="1570847427" sldId="2147479835"/>
        </pc:sldMkLst>
        <pc:spChg chg="mod">
          <ac:chgData name="Oscar Llorente Gonzalez" userId="e1d48c7f-7de1-49f5-ba88-07a54202ac7d" providerId="ADAL" clId="{F37813CC-6907-4F4D-B15A-1E0D0E480B20}" dt="2025-02-20T10:54:43.183" v="850" actId="20577"/>
          <ac:spMkLst>
            <pc:docMk/>
            <pc:sldMk cId="1570847427" sldId="2147479835"/>
            <ac:spMk id="2" creationId="{A7748CAE-749E-7EB0-DCE5-F68640328752}"/>
          </ac:spMkLst>
        </pc:spChg>
        <pc:spChg chg="del">
          <ac:chgData name="Oscar Llorente Gonzalez" userId="e1d48c7f-7de1-49f5-ba88-07a54202ac7d" providerId="ADAL" clId="{F37813CC-6907-4F4D-B15A-1E0D0E480B20}" dt="2025-02-20T10:56:56.962" v="851" actId="478"/>
          <ac:spMkLst>
            <pc:docMk/>
            <pc:sldMk cId="1570847427" sldId="2147479835"/>
            <ac:spMk id="3" creationId="{37177269-3D6D-EB9A-F30F-192920DD32B2}"/>
          </ac:spMkLst>
        </pc:spChg>
        <pc:picChg chg="add mod">
          <ac:chgData name="Oscar Llorente Gonzalez" userId="e1d48c7f-7de1-49f5-ba88-07a54202ac7d" providerId="ADAL" clId="{F37813CC-6907-4F4D-B15A-1E0D0E480B20}" dt="2025-02-20T10:57:03.894" v="857" actId="1076"/>
          <ac:picMkLst>
            <pc:docMk/>
            <pc:sldMk cId="1570847427" sldId="2147479835"/>
            <ac:picMk id="5" creationId="{4A62C3F1-EC78-12AB-FB8A-BF99BC4BE78D}"/>
          </ac:picMkLst>
        </pc:picChg>
        <pc:picChg chg="add mod">
          <ac:chgData name="Oscar Llorente Gonzalez" userId="e1d48c7f-7de1-49f5-ba88-07a54202ac7d" providerId="ADAL" clId="{F37813CC-6907-4F4D-B15A-1E0D0E480B20}" dt="2025-02-20T10:57:43.907" v="863" actId="1076"/>
          <ac:picMkLst>
            <pc:docMk/>
            <pc:sldMk cId="1570847427" sldId="2147479835"/>
            <ac:picMk id="1026" creationId="{4726F1B7-AC4B-0573-44C2-7C9042A67194}"/>
          </ac:picMkLst>
        </pc:picChg>
      </pc:sldChg>
      <pc:sldChg chg="new del">
        <pc:chgData name="Oscar Llorente Gonzalez" userId="e1d48c7f-7de1-49f5-ba88-07a54202ac7d" providerId="ADAL" clId="{F37813CC-6907-4F4D-B15A-1E0D0E480B20}" dt="2025-02-19T22:02:44.204" v="709" actId="680"/>
        <pc:sldMkLst>
          <pc:docMk/>
          <pc:sldMk cId="2671291613" sldId="2147479835"/>
        </pc:sldMkLst>
      </pc:sldChg>
      <pc:sldChg chg="addSp delSp modSp new mod">
        <pc:chgData name="Oscar Llorente Gonzalez" userId="e1d48c7f-7de1-49f5-ba88-07a54202ac7d" providerId="ADAL" clId="{F37813CC-6907-4F4D-B15A-1E0D0E480B20}" dt="2025-02-20T16:27:17.600" v="1240" actId="1076"/>
        <pc:sldMkLst>
          <pc:docMk/>
          <pc:sldMk cId="721471011" sldId="2147479836"/>
        </pc:sldMkLst>
        <pc:spChg chg="mod">
          <ac:chgData name="Oscar Llorente Gonzalez" userId="e1d48c7f-7de1-49f5-ba88-07a54202ac7d" providerId="ADAL" clId="{F37813CC-6907-4F4D-B15A-1E0D0E480B20}" dt="2025-02-20T10:53:46.665" v="813" actId="20577"/>
          <ac:spMkLst>
            <pc:docMk/>
            <pc:sldMk cId="721471011" sldId="2147479836"/>
            <ac:spMk id="2" creationId="{29CB2D9C-8B36-DF82-DE62-04BD9EBCA822}"/>
          </ac:spMkLst>
        </pc:spChg>
        <pc:spChg chg="del">
          <ac:chgData name="Oscar Llorente Gonzalez" userId="e1d48c7f-7de1-49f5-ba88-07a54202ac7d" providerId="ADAL" clId="{F37813CC-6907-4F4D-B15A-1E0D0E480B20}" dt="2025-02-20T10:53:48.802" v="814" actId="478"/>
          <ac:spMkLst>
            <pc:docMk/>
            <pc:sldMk cId="721471011" sldId="2147479836"/>
            <ac:spMk id="3" creationId="{7B2ADC1A-E702-1858-B1D2-A5C8662BED30}"/>
          </ac:spMkLst>
        </pc:spChg>
        <pc:picChg chg="add mod">
          <ac:chgData name="Oscar Llorente Gonzalez" userId="e1d48c7f-7de1-49f5-ba88-07a54202ac7d" providerId="ADAL" clId="{F37813CC-6907-4F4D-B15A-1E0D0E480B20}" dt="2025-02-20T16:27:17.600" v="1240" actId="1076"/>
          <ac:picMkLst>
            <pc:docMk/>
            <pc:sldMk cId="721471011" sldId="2147479836"/>
            <ac:picMk id="4" creationId="{B6381542-7F94-2D4E-74F9-1572A79EA486}"/>
          </ac:picMkLst>
        </pc:picChg>
        <pc:picChg chg="add del mod">
          <ac:chgData name="Oscar Llorente Gonzalez" userId="e1d48c7f-7de1-49f5-ba88-07a54202ac7d" providerId="ADAL" clId="{F37813CC-6907-4F4D-B15A-1E0D0E480B20}" dt="2025-02-20T16:27:12.628" v="1235" actId="478"/>
          <ac:picMkLst>
            <pc:docMk/>
            <pc:sldMk cId="721471011" sldId="2147479836"/>
            <ac:picMk id="5" creationId="{6ABA127C-8BA4-1AAE-33CD-148B50508C99}"/>
          </ac:picMkLst>
        </pc:picChg>
      </pc:sldChg>
      <pc:sldChg chg="addSp delSp modSp new mod ord">
        <pc:chgData name="Oscar Llorente Gonzalez" userId="e1d48c7f-7de1-49f5-ba88-07a54202ac7d" providerId="ADAL" clId="{F37813CC-6907-4F4D-B15A-1E0D0E480B20}" dt="2025-02-20T14:15:10.093" v="1070" actId="1076"/>
        <pc:sldMkLst>
          <pc:docMk/>
          <pc:sldMk cId="4232699703" sldId="2147479837"/>
        </pc:sldMkLst>
        <pc:spChg chg="mod">
          <ac:chgData name="Oscar Llorente Gonzalez" userId="e1d48c7f-7de1-49f5-ba88-07a54202ac7d" providerId="ADAL" clId="{F37813CC-6907-4F4D-B15A-1E0D0E480B20}" dt="2025-02-20T10:58:05.089" v="870" actId="20577"/>
          <ac:spMkLst>
            <pc:docMk/>
            <pc:sldMk cId="4232699703" sldId="2147479837"/>
            <ac:spMk id="2" creationId="{A286588C-9397-091F-F0E5-C54A775F8BDD}"/>
          </ac:spMkLst>
        </pc:spChg>
        <pc:spChg chg="del">
          <ac:chgData name="Oscar Llorente Gonzalez" userId="e1d48c7f-7de1-49f5-ba88-07a54202ac7d" providerId="ADAL" clId="{F37813CC-6907-4F4D-B15A-1E0D0E480B20}" dt="2025-02-20T10:58:09.938" v="871" actId="478"/>
          <ac:spMkLst>
            <pc:docMk/>
            <pc:sldMk cId="4232699703" sldId="2147479837"/>
            <ac:spMk id="3" creationId="{1C2B39C9-47AA-9929-4EEB-68AF751E5CA6}"/>
          </ac:spMkLst>
        </pc:spChg>
        <pc:picChg chg="add mod">
          <ac:chgData name="Oscar Llorente Gonzalez" userId="e1d48c7f-7de1-49f5-ba88-07a54202ac7d" providerId="ADAL" clId="{F37813CC-6907-4F4D-B15A-1E0D0E480B20}" dt="2025-02-20T14:15:09.161" v="1069" actId="1076"/>
          <ac:picMkLst>
            <pc:docMk/>
            <pc:sldMk cId="4232699703" sldId="2147479837"/>
            <ac:picMk id="4" creationId="{A788DE20-8559-56DC-5E36-4D2B73FE4205}"/>
          </ac:picMkLst>
        </pc:picChg>
        <pc:picChg chg="add mod">
          <ac:chgData name="Oscar Llorente Gonzalez" userId="e1d48c7f-7de1-49f5-ba88-07a54202ac7d" providerId="ADAL" clId="{F37813CC-6907-4F4D-B15A-1E0D0E480B20}" dt="2025-02-20T14:15:10.093" v="1070" actId="1076"/>
          <ac:picMkLst>
            <pc:docMk/>
            <pc:sldMk cId="4232699703" sldId="2147479837"/>
            <ac:picMk id="6" creationId="{A46FF6CB-65E2-DF95-9787-6B7405096589}"/>
          </ac:picMkLst>
        </pc:picChg>
      </pc:sldChg>
      <pc:sldChg chg="addSp delSp modSp new mod">
        <pc:chgData name="Oscar Llorente Gonzalez" userId="e1d48c7f-7de1-49f5-ba88-07a54202ac7d" providerId="ADAL" clId="{F37813CC-6907-4F4D-B15A-1E0D0E480B20}" dt="2025-02-20T14:15:16.329" v="1071" actId="1076"/>
        <pc:sldMkLst>
          <pc:docMk/>
          <pc:sldMk cId="1503827115" sldId="2147479838"/>
        </pc:sldMkLst>
        <pc:spChg chg="mod">
          <ac:chgData name="Oscar Llorente Gonzalez" userId="e1d48c7f-7de1-49f5-ba88-07a54202ac7d" providerId="ADAL" clId="{F37813CC-6907-4F4D-B15A-1E0D0E480B20}" dt="2025-02-20T14:00:38.813" v="933" actId="790"/>
          <ac:spMkLst>
            <pc:docMk/>
            <pc:sldMk cId="1503827115" sldId="2147479838"/>
            <ac:spMk id="2" creationId="{8BC28B9D-FDC1-5195-A8D2-0DB5691FBAD9}"/>
          </ac:spMkLst>
        </pc:spChg>
        <pc:spChg chg="del">
          <ac:chgData name="Oscar Llorente Gonzalez" userId="e1d48c7f-7de1-49f5-ba88-07a54202ac7d" providerId="ADAL" clId="{F37813CC-6907-4F4D-B15A-1E0D0E480B20}" dt="2025-02-20T14:00:42.051" v="934" actId="478"/>
          <ac:spMkLst>
            <pc:docMk/>
            <pc:sldMk cId="1503827115" sldId="2147479838"/>
            <ac:spMk id="3" creationId="{400BBDB2-154E-A3B8-6FD3-E8EAC1C9CD22}"/>
          </ac:spMkLst>
        </pc:spChg>
        <pc:picChg chg="add mod">
          <ac:chgData name="Oscar Llorente Gonzalez" userId="e1d48c7f-7de1-49f5-ba88-07a54202ac7d" providerId="ADAL" clId="{F37813CC-6907-4F4D-B15A-1E0D0E480B20}" dt="2025-02-20T14:15:16.329" v="1071" actId="1076"/>
          <ac:picMkLst>
            <pc:docMk/>
            <pc:sldMk cId="1503827115" sldId="2147479838"/>
            <ac:picMk id="5" creationId="{DF8411F8-9E15-4722-DBDE-8CD0A7FA6C37}"/>
          </ac:picMkLst>
        </pc:picChg>
      </pc:sldChg>
      <pc:sldChg chg="addSp delSp modSp new mod">
        <pc:chgData name="Oscar Llorente Gonzalez" userId="e1d48c7f-7de1-49f5-ba88-07a54202ac7d" providerId="ADAL" clId="{F37813CC-6907-4F4D-B15A-1E0D0E480B20}" dt="2025-02-20T14:06:14.831" v="960" actId="1076"/>
        <pc:sldMkLst>
          <pc:docMk/>
          <pc:sldMk cId="3834283447" sldId="2147479839"/>
        </pc:sldMkLst>
        <pc:spChg chg="mod">
          <ac:chgData name="Oscar Llorente Gonzalez" userId="e1d48c7f-7de1-49f5-ba88-07a54202ac7d" providerId="ADAL" clId="{F37813CC-6907-4F4D-B15A-1E0D0E480B20}" dt="2025-02-20T14:02:55.424" v="946" actId="20577"/>
          <ac:spMkLst>
            <pc:docMk/>
            <pc:sldMk cId="3834283447" sldId="2147479839"/>
            <ac:spMk id="2" creationId="{6ADCE4CC-64D5-AA0E-B674-77C8A002BF53}"/>
          </ac:spMkLst>
        </pc:spChg>
        <pc:spChg chg="del">
          <ac:chgData name="Oscar Llorente Gonzalez" userId="e1d48c7f-7de1-49f5-ba88-07a54202ac7d" providerId="ADAL" clId="{F37813CC-6907-4F4D-B15A-1E0D0E480B20}" dt="2025-02-20T14:02:57.856" v="947" actId="478"/>
          <ac:spMkLst>
            <pc:docMk/>
            <pc:sldMk cId="3834283447" sldId="2147479839"/>
            <ac:spMk id="3" creationId="{91AFD11E-C376-A027-60A9-BA85A1AA7D03}"/>
          </ac:spMkLst>
        </pc:spChg>
        <pc:picChg chg="add mod">
          <ac:chgData name="Oscar Llorente Gonzalez" userId="e1d48c7f-7de1-49f5-ba88-07a54202ac7d" providerId="ADAL" clId="{F37813CC-6907-4F4D-B15A-1E0D0E480B20}" dt="2025-02-20T14:06:14.831" v="960" actId="1076"/>
          <ac:picMkLst>
            <pc:docMk/>
            <pc:sldMk cId="3834283447" sldId="2147479839"/>
            <ac:picMk id="5" creationId="{8DB7F9D7-A46A-0129-A019-3AC70C7ADCB3}"/>
          </ac:picMkLst>
        </pc:picChg>
      </pc:sldChg>
      <pc:sldChg chg="addSp delSp modSp new mod ord">
        <pc:chgData name="Oscar Llorente Gonzalez" userId="e1d48c7f-7de1-49f5-ba88-07a54202ac7d" providerId="ADAL" clId="{F37813CC-6907-4F4D-B15A-1E0D0E480B20}" dt="2025-02-20T14:11:23.969" v="1049"/>
        <pc:sldMkLst>
          <pc:docMk/>
          <pc:sldMk cId="973587080" sldId="2147479840"/>
        </pc:sldMkLst>
        <pc:spChg chg="mod">
          <ac:chgData name="Oscar Llorente Gonzalez" userId="e1d48c7f-7de1-49f5-ba88-07a54202ac7d" providerId="ADAL" clId="{F37813CC-6907-4F4D-B15A-1E0D0E480B20}" dt="2025-02-20T14:09:37.480" v="1036" actId="20577"/>
          <ac:spMkLst>
            <pc:docMk/>
            <pc:sldMk cId="973587080" sldId="2147479840"/>
            <ac:spMk id="2" creationId="{38C80E2B-E7C0-DE19-EF90-2BFB2DA5B6C3}"/>
          </ac:spMkLst>
        </pc:spChg>
        <pc:spChg chg="del">
          <ac:chgData name="Oscar Llorente Gonzalez" userId="e1d48c7f-7de1-49f5-ba88-07a54202ac7d" providerId="ADAL" clId="{F37813CC-6907-4F4D-B15A-1E0D0E480B20}" dt="2025-02-20T14:09:39.349" v="1037" actId="478"/>
          <ac:spMkLst>
            <pc:docMk/>
            <pc:sldMk cId="973587080" sldId="2147479840"/>
            <ac:spMk id="3" creationId="{891E4183-E374-ABB1-9582-6BC06A8595B3}"/>
          </ac:spMkLst>
        </pc:spChg>
        <pc:picChg chg="add mod">
          <ac:chgData name="Oscar Llorente Gonzalez" userId="e1d48c7f-7de1-49f5-ba88-07a54202ac7d" providerId="ADAL" clId="{F37813CC-6907-4F4D-B15A-1E0D0E480B20}" dt="2025-02-20T14:11:17.250" v="1047" actId="1076"/>
          <ac:picMkLst>
            <pc:docMk/>
            <pc:sldMk cId="973587080" sldId="2147479840"/>
            <ac:picMk id="4098" creationId="{282CDCBD-DD81-7C81-1545-33645A5226F4}"/>
          </ac:picMkLst>
        </pc:picChg>
      </pc:sldChg>
      <pc:sldChg chg="addSp delSp modSp new mod">
        <pc:chgData name="Oscar Llorente Gonzalez" userId="e1d48c7f-7de1-49f5-ba88-07a54202ac7d" providerId="ADAL" clId="{F37813CC-6907-4F4D-B15A-1E0D0E480B20}" dt="2025-02-20T14:09:15.295" v="1008" actId="1076"/>
        <pc:sldMkLst>
          <pc:docMk/>
          <pc:sldMk cId="2708139774" sldId="2147479841"/>
        </pc:sldMkLst>
        <pc:spChg chg="mod">
          <ac:chgData name="Oscar Llorente Gonzalez" userId="e1d48c7f-7de1-49f5-ba88-07a54202ac7d" providerId="ADAL" clId="{F37813CC-6907-4F4D-B15A-1E0D0E480B20}" dt="2025-02-20T14:06:54.718" v="982" actId="20577"/>
          <ac:spMkLst>
            <pc:docMk/>
            <pc:sldMk cId="2708139774" sldId="2147479841"/>
            <ac:spMk id="2" creationId="{1BE0FCF7-1DD4-C0D3-4810-82A0AC336CD9}"/>
          </ac:spMkLst>
        </pc:spChg>
        <pc:spChg chg="del">
          <ac:chgData name="Oscar Llorente Gonzalez" userId="e1d48c7f-7de1-49f5-ba88-07a54202ac7d" providerId="ADAL" clId="{F37813CC-6907-4F4D-B15A-1E0D0E480B20}" dt="2025-02-20T14:06:57.286" v="983" actId="478"/>
          <ac:spMkLst>
            <pc:docMk/>
            <pc:sldMk cId="2708139774" sldId="2147479841"/>
            <ac:spMk id="3" creationId="{A87611AC-A7DF-58FA-810B-D8CA011B6087}"/>
          </ac:spMkLst>
        </pc:spChg>
        <pc:spChg chg="add">
          <ac:chgData name="Oscar Llorente Gonzalez" userId="e1d48c7f-7de1-49f5-ba88-07a54202ac7d" providerId="ADAL" clId="{F37813CC-6907-4F4D-B15A-1E0D0E480B20}" dt="2025-02-20T14:07:46.959" v="988"/>
          <ac:spMkLst>
            <pc:docMk/>
            <pc:sldMk cId="2708139774" sldId="2147479841"/>
            <ac:spMk id="4" creationId="{3F59AABE-4A04-9FD0-33F6-BA2B1D93ED68}"/>
          </ac:spMkLst>
        </pc:spChg>
        <pc:spChg chg="add">
          <ac:chgData name="Oscar Llorente Gonzalez" userId="e1d48c7f-7de1-49f5-ba88-07a54202ac7d" providerId="ADAL" clId="{F37813CC-6907-4F4D-B15A-1E0D0E480B20}" dt="2025-02-20T14:07:51.578" v="989"/>
          <ac:spMkLst>
            <pc:docMk/>
            <pc:sldMk cId="2708139774" sldId="2147479841"/>
            <ac:spMk id="5" creationId="{9BC6779C-C50F-7886-305D-174171433715}"/>
          </ac:spMkLst>
        </pc:spChg>
        <pc:picChg chg="add mod">
          <ac:chgData name="Oscar Llorente Gonzalez" userId="e1d48c7f-7de1-49f5-ba88-07a54202ac7d" providerId="ADAL" clId="{F37813CC-6907-4F4D-B15A-1E0D0E480B20}" dt="2025-02-20T14:09:15.295" v="1008" actId="1076"/>
          <ac:picMkLst>
            <pc:docMk/>
            <pc:sldMk cId="2708139774" sldId="2147479841"/>
            <ac:picMk id="2050" creationId="{D5ECD479-A582-A70D-7EE2-BCEED5582A5F}"/>
          </ac:picMkLst>
        </pc:picChg>
        <pc:picChg chg="add mod">
          <ac:chgData name="Oscar Llorente Gonzalez" userId="e1d48c7f-7de1-49f5-ba88-07a54202ac7d" providerId="ADAL" clId="{F37813CC-6907-4F4D-B15A-1E0D0E480B20}" dt="2025-02-20T14:09:13.114" v="1007" actId="1076"/>
          <ac:picMkLst>
            <pc:docMk/>
            <pc:sldMk cId="2708139774" sldId="2147479841"/>
            <ac:picMk id="2056" creationId="{3269B665-A407-D2DF-1B7C-252CC45AF2CA}"/>
          </ac:picMkLst>
        </pc:picChg>
        <pc:picChg chg="add mod">
          <ac:chgData name="Oscar Llorente Gonzalez" userId="e1d48c7f-7de1-49f5-ba88-07a54202ac7d" providerId="ADAL" clId="{F37813CC-6907-4F4D-B15A-1E0D0E480B20}" dt="2025-02-20T14:09:10.003" v="1005" actId="1076"/>
          <ac:picMkLst>
            <pc:docMk/>
            <pc:sldMk cId="2708139774" sldId="2147479841"/>
            <ac:picMk id="2058" creationId="{A66BACE3-4ABF-3D96-6F38-DA7F6D3BC0ED}"/>
          </ac:picMkLst>
        </pc:picChg>
      </pc:sldChg>
      <pc:sldChg chg="addSp delSp modSp new mod ord">
        <pc:chgData name="Oscar Llorente Gonzalez" userId="e1d48c7f-7de1-49f5-ba88-07a54202ac7d" providerId="ADAL" clId="{F37813CC-6907-4F4D-B15A-1E0D0E480B20}" dt="2025-02-20T14:20:55.447" v="1178" actId="404"/>
        <pc:sldMkLst>
          <pc:docMk/>
          <pc:sldMk cId="2055846759" sldId="2147479842"/>
        </pc:sldMkLst>
        <pc:spChg chg="mod">
          <ac:chgData name="Oscar Llorente Gonzalez" userId="e1d48c7f-7de1-49f5-ba88-07a54202ac7d" providerId="ADAL" clId="{F37813CC-6907-4F4D-B15A-1E0D0E480B20}" dt="2025-02-20T14:18:31.958" v="1115" actId="20577"/>
          <ac:spMkLst>
            <pc:docMk/>
            <pc:sldMk cId="2055846759" sldId="2147479842"/>
            <ac:spMk id="2" creationId="{0F35CA64-8528-FEDC-0C08-806D48013CDF}"/>
          </ac:spMkLst>
        </pc:spChg>
        <pc:spChg chg="del mod">
          <ac:chgData name="Oscar Llorente Gonzalez" userId="e1d48c7f-7de1-49f5-ba88-07a54202ac7d" providerId="ADAL" clId="{F37813CC-6907-4F4D-B15A-1E0D0E480B20}" dt="2025-02-20T14:11:37.480" v="1065" actId="478"/>
          <ac:spMkLst>
            <pc:docMk/>
            <pc:sldMk cId="2055846759" sldId="2147479842"/>
            <ac:spMk id="3" creationId="{E9858809-31F4-3DC6-A8DF-B06631183FC1}"/>
          </ac:spMkLst>
        </pc:spChg>
        <pc:spChg chg="add mod">
          <ac:chgData name="Oscar Llorente Gonzalez" userId="e1d48c7f-7de1-49f5-ba88-07a54202ac7d" providerId="ADAL" clId="{F37813CC-6907-4F4D-B15A-1E0D0E480B20}" dt="2025-02-20T14:20:55.447" v="1178" actId="404"/>
          <ac:spMkLst>
            <pc:docMk/>
            <pc:sldMk cId="2055846759" sldId="2147479842"/>
            <ac:spMk id="6" creationId="{69BFE6A7-8C67-ABEB-9A4F-D4DA5352C184}"/>
          </ac:spMkLst>
        </pc:spChg>
        <pc:picChg chg="add del mod">
          <ac:chgData name="Oscar Llorente Gonzalez" userId="e1d48c7f-7de1-49f5-ba88-07a54202ac7d" providerId="ADAL" clId="{F37813CC-6907-4F4D-B15A-1E0D0E480B20}" dt="2025-02-20T14:19:03.665" v="1116" actId="478"/>
          <ac:picMkLst>
            <pc:docMk/>
            <pc:sldMk cId="2055846759" sldId="2147479842"/>
            <ac:picMk id="4" creationId="{593CF463-24ED-992D-7112-1509D7F34AA1}"/>
          </ac:picMkLst>
        </pc:picChg>
        <pc:picChg chg="add mod modCrop">
          <ac:chgData name="Oscar Llorente Gonzalez" userId="e1d48c7f-7de1-49f5-ba88-07a54202ac7d" providerId="ADAL" clId="{F37813CC-6907-4F4D-B15A-1E0D0E480B20}" dt="2025-02-20T14:20:07.894" v="1169" actId="14861"/>
          <ac:picMkLst>
            <pc:docMk/>
            <pc:sldMk cId="2055846759" sldId="2147479842"/>
            <ac:picMk id="5" creationId="{01282F78-7DFA-51D1-5325-4D306720E6BE}"/>
          </ac:picMkLst>
        </pc:picChg>
      </pc:sldChg>
      <pc:sldChg chg="new del">
        <pc:chgData name="Oscar Llorente Gonzalez" userId="e1d48c7f-7de1-49f5-ba88-07a54202ac7d" providerId="ADAL" clId="{F37813CC-6907-4F4D-B15A-1E0D0E480B20}" dt="2025-02-20T14:09:28.344" v="1010" actId="47"/>
        <pc:sldMkLst>
          <pc:docMk/>
          <pc:sldMk cId="3731103044" sldId="2147479842"/>
        </pc:sldMkLst>
      </pc:sldChg>
      <pc:sldChg chg="addSp delSp modSp new mod">
        <pc:chgData name="Oscar Llorente Gonzalez" userId="e1d48c7f-7de1-49f5-ba88-07a54202ac7d" providerId="ADAL" clId="{F37813CC-6907-4F4D-B15A-1E0D0E480B20}" dt="2025-02-20T14:25:51.596" v="1234" actId="20577"/>
        <pc:sldMkLst>
          <pc:docMk/>
          <pc:sldMk cId="2508278326" sldId="2147479843"/>
        </pc:sldMkLst>
        <pc:spChg chg="mod">
          <ac:chgData name="Oscar Llorente Gonzalez" userId="e1d48c7f-7de1-49f5-ba88-07a54202ac7d" providerId="ADAL" clId="{F37813CC-6907-4F4D-B15A-1E0D0E480B20}" dt="2025-02-20T14:25:51.596" v="1234" actId="20577"/>
          <ac:spMkLst>
            <pc:docMk/>
            <pc:sldMk cId="2508278326" sldId="2147479843"/>
            <ac:spMk id="2" creationId="{AF827E88-DB9F-101F-A206-81F48CE20F01}"/>
          </ac:spMkLst>
        </pc:spChg>
        <pc:spChg chg="del">
          <ac:chgData name="Oscar Llorente Gonzalez" userId="e1d48c7f-7de1-49f5-ba88-07a54202ac7d" providerId="ADAL" clId="{F37813CC-6907-4F4D-B15A-1E0D0E480B20}" dt="2025-02-20T14:24:23.616" v="1180" actId="478"/>
          <ac:spMkLst>
            <pc:docMk/>
            <pc:sldMk cId="2508278326" sldId="2147479843"/>
            <ac:spMk id="3" creationId="{6720B938-5645-E3E9-B376-7C2163658372}"/>
          </ac:spMkLst>
        </pc:spChg>
        <pc:picChg chg="add mod">
          <ac:chgData name="Oscar Llorente Gonzalez" userId="e1d48c7f-7de1-49f5-ba88-07a54202ac7d" providerId="ADAL" clId="{F37813CC-6907-4F4D-B15A-1E0D0E480B20}" dt="2025-02-20T14:25:28.973" v="1197" actId="1076"/>
          <ac:picMkLst>
            <pc:docMk/>
            <pc:sldMk cId="2508278326" sldId="2147479843"/>
            <ac:picMk id="5" creationId="{D1A5D4CF-FB5C-1558-C353-E6790B8092CB}"/>
          </ac:picMkLst>
        </pc:picChg>
        <pc:picChg chg="add mod">
          <ac:chgData name="Oscar Llorente Gonzalez" userId="e1d48c7f-7de1-49f5-ba88-07a54202ac7d" providerId="ADAL" clId="{F37813CC-6907-4F4D-B15A-1E0D0E480B20}" dt="2025-02-20T14:25:27.488" v="1196" actId="1076"/>
          <ac:picMkLst>
            <pc:docMk/>
            <pc:sldMk cId="2508278326" sldId="2147479843"/>
            <ac:picMk id="7" creationId="{0B074706-525A-4098-7189-696B41F59DAF}"/>
          </ac:picMkLst>
        </pc:picChg>
      </pc:sldChg>
      <pc:sldMasterChg chg="delSldLayout">
        <pc:chgData name="Oscar Llorente Gonzalez" userId="e1d48c7f-7de1-49f5-ba88-07a54202ac7d" providerId="ADAL" clId="{F37813CC-6907-4F4D-B15A-1E0D0E480B20}" dt="2025-02-18T09:29:00.429" v="356" actId="47"/>
        <pc:sldMasterMkLst>
          <pc:docMk/>
          <pc:sldMasterMk cId="2523064765" sldId="2147483660"/>
        </pc:sldMasterMkLst>
        <pc:sldLayoutChg chg="del">
          <pc:chgData name="Oscar Llorente Gonzalez" userId="e1d48c7f-7de1-49f5-ba88-07a54202ac7d" providerId="ADAL" clId="{F37813CC-6907-4F4D-B15A-1E0D0E480B20}" dt="2025-02-18T09:26:17.371" v="277" actId="47"/>
          <pc:sldLayoutMkLst>
            <pc:docMk/>
            <pc:sldMasterMk cId="2523064765" sldId="2147483660"/>
            <pc:sldLayoutMk cId="2234813305" sldId="2147483845"/>
          </pc:sldLayoutMkLst>
        </pc:sldLayoutChg>
        <pc:sldLayoutChg chg="del">
          <pc:chgData name="Oscar Llorente Gonzalez" userId="e1d48c7f-7de1-49f5-ba88-07a54202ac7d" providerId="ADAL" clId="{F37813CC-6907-4F4D-B15A-1E0D0E480B20}" dt="2025-02-18T09:27:35.685" v="315" actId="47"/>
          <pc:sldLayoutMkLst>
            <pc:docMk/>
            <pc:sldMasterMk cId="2523064765" sldId="2147483660"/>
            <pc:sldLayoutMk cId="3438367586" sldId="2147483845"/>
          </pc:sldLayoutMkLst>
        </pc:sldLayoutChg>
        <pc:sldLayoutChg chg="del">
          <pc:chgData name="Oscar Llorente Gonzalez" userId="e1d48c7f-7de1-49f5-ba88-07a54202ac7d" providerId="ADAL" clId="{F37813CC-6907-4F4D-B15A-1E0D0E480B20}" dt="2025-02-18T09:29:00.429" v="356" actId="47"/>
          <pc:sldLayoutMkLst>
            <pc:docMk/>
            <pc:sldMasterMk cId="2523064765" sldId="2147483660"/>
            <pc:sldLayoutMk cId="4169243497" sldId="2147483845"/>
          </pc:sldLayoutMkLst>
        </pc:sldLayoutChg>
      </pc:sldMasterChg>
    </pc:docChg>
  </pc:docChgLst>
  <pc:docChgLst>
    <pc:chgData name="Oscar Llorente Gonzalez" userId="e1d48c7f-7de1-49f5-ba88-07a54202ac7d" providerId="ADAL" clId="{B322E4E1-5FEE-4CD4-9AF1-3DF7A064646B}"/>
    <pc:docChg chg="custSel addSld delSld modSld modMainMaster modSection">
      <pc:chgData name="Oscar Llorente Gonzalez" userId="e1d48c7f-7de1-49f5-ba88-07a54202ac7d" providerId="ADAL" clId="{B322E4E1-5FEE-4CD4-9AF1-3DF7A064646B}" dt="2024-02-08T12:05:50.094" v="54" actId="20577"/>
      <pc:docMkLst>
        <pc:docMk/>
      </pc:docMkLst>
      <pc:sldChg chg="modSp mod">
        <pc:chgData name="Oscar Llorente Gonzalez" userId="e1d48c7f-7de1-49f5-ba88-07a54202ac7d" providerId="ADAL" clId="{B322E4E1-5FEE-4CD4-9AF1-3DF7A064646B}" dt="2024-02-08T11:19:33.130" v="28" actId="20577"/>
        <pc:sldMkLst>
          <pc:docMk/>
          <pc:sldMk cId="46647062" sldId="2147479193"/>
        </pc:sldMkLst>
        <pc:spChg chg="mod">
          <ac:chgData name="Oscar Llorente Gonzalez" userId="e1d48c7f-7de1-49f5-ba88-07a54202ac7d" providerId="ADAL" clId="{B322E4E1-5FEE-4CD4-9AF1-3DF7A064646B}" dt="2024-02-08T11:19:33.130" v="28" actId="20577"/>
          <ac:spMkLst>
            <pc:docMk/>
            <pc:sldMk cId="46647062" sldId="2147479193"/>
            <ac:spMk id="20" creationId="{BDDCF03B-24AE-05EB-527C-A8170D91E665}"/>
          </ac:spMkLst>
        </pc:spChg>
      </pc:sldChg>
      <pc:sldChg chg="del">
        <pc:chgData name="Oscar Llorente Gonzalez" userId="e1d48c7f-7de1-49f5-ba88-07a54202ac7d" providerId="ADAL" clId="{B322E4E1-5FEE-4CD4-9AF1-3DF7A064646B}" dt="2024-02-08T11:20:18.063" v="35" actId="47"/>
        <pc:sldMkLst>
          <pc:docMk/>
          <pc:sldMk cId="456826536" sldId="2147479496"/>
        </pc:sldMkLst>
      </pc:sldChg>
      <pc:sldChg chg="del">
        <pc:chgData name="Oscar Llorente Gonzalez" userId="e1d48c7f-7de1-49f5-ba88-07a54202ac7d" providerId="ADAL" clId="{B322E4E1-5FEE-4CD4-9AF1-3DF7A064646B}" dt="2024-02-08T11:20:16.962" v="31" actId="47"/>
        <pc:sldMkLst>
          <pc:docMk/>
          <pc:sldMk cId="2453484934" sldId="2147479498"/>
        </pc:sldMkLst>
      </pc:sldChg>
      <pc:sldChg chg="del">
        <pc:chgData name="Oscar Llorente Gonzalez" userId="e1d48c7f-7de1-49f5-ba88-07a54202ac7d" providerId="ADAL" clId="{B322E4E1-5FEE-4CD4-9AF1-3DF7A064646B}" dt="2024-02-08T11:19:41.033" v="29" actId="47"/>
        <pc:sldMkLst>
          <pc:docMk/>
          <pc:sldMk cId="1766832716" sldId="2147479499"/>
        </pc:sldMkLst>
      </pc:sldChg>
      <pc:sldChg chg="del">
        <pc:chgData name="Oscar Llorente Gonzalez" userId="e1d48c7f-7de1-49f5-ba88-07a54202ac7d" providerId="ADAL" clId="{B322E4E1-5FEE-4CD4-9AF1-3DF7A064646B}" dt="2024-02-08T11:20:25.956" v="38" actId="47"/>
        <pc:sldMkLst>
          <pc:docMk/>
          <pc:sldMk cId="1508270735" sldId="2147479505"/>
        </pc:sldMkLst>
      </pc:sldChg>
      <pc:sldChg chg="del">
        <pc:chgData name="Oscar Llorente Gonzalez" userId="e1d48c7f-7de1-49f5-ba88-07a54202ac7d" providerId="ADAL" clId="{B322E4E1-5FEE-4CD4-9AF1-3DF7A064646B}" dt="2024-02-08T11:19:41.965" v="30" actId="47"/>
        <pc:sldMkLst>
          <pc:docMk/>
          <pc:sldMk cId="1410135881" sldId="2147479506"/>
        </pc:sldMkLst>
      </pc:sldChg>
      <pc:sldChg chg="del">
        <pc:chgData name="Oscar Llorente Gonzalez" userId="e1d48c7f-7de1-49f5-ba88-07a54202ac7d" providerId="ADAL" clId="{B322E4E1-5FEE-4CD4-9AF1-3DF7A064646B}" dt="2024-02-08T11:20:17.145" v="32" actId="47"/>
        <pc:sldMkLst>
          <pc:docMk/>
          <pc:sldMk cId="1288778451" sldId="2147479507"/>
        </pc:sldMkLst>
      </pc:sldChg>
      <pc:sldChg chg="del">
        <pc:chgData name="Oscar Llorente Gonzalez" userId="e1d48c7f-7de1-49f5-ba88-07a54202ac7d" providerId="ADAL" clId="{B322E4E1-5FEE-4CD4-9AF1-3DF7A064646B}" dt="2024-02-08T11:20:17.869" v="34" actId="47"/>
        <pc:sldMkLst>
          <pc:docMk/>
          <pc:sldMk cId="2329968910" sldId="2147479508"/>
        </pc:sldMkLst>
      </pc:sldChg>
      <pc:sldChg chg="del">
        <pc:chgData name="Oscar Llorente Gonzalez" userId="e1d48c7f-7de1-49f5-ba88-07a54202ac7d" providerId="ADAL" clId="{B322E4E1-5FEE-4CD4-9AF1-3DF7A064646B}" dt="2024-02-08T11:20:17.330" v="33" actId="47"/>
        <pc:sldMkLst>
          <pc:docMk/>
          <pc:sldMk cId="2427112225" sldId="2147479509"/>
        </pc:sldMkLst>
      </pc:sldChg>
      <pc:sldChg chg="del">
        <pc:chgData name="Oscar Llorente Gonzalez" userId="e1d48c7f-7de1-49f5-ba88-07a54202ac7d" providerId="ADAL" clId="{B322E4E1-5FEE-4CD4-9AF1-3DF7A064646B}" dt="2024-02-08T11:20:19.148" v="36" actId="47"/>
        <pc:sldMkLst>
          <pc:docMk/>
          <pc:sldMk cId="2088336728" sldId="2147479796"/>
        </pc:sldMkLst>
      </pc:sldChg>
      <pc:sldChg chg="new">
        <pc:chgData name="Oscar Llorente Gonzalez" userId="e1d48c7f-7de1-49f5-ba88-07a54202ac7d" providerId="ADAL" clId="{B322E4E1-5FEE-4CD4-9AF1-3DF7A064646B}" dt="2024-02-08T11:20:20.999" v="37" actId="680"/>
        <pc:sldMkLst>
          <pc:docMk/>
          <pc:sldMk cId="4062506516" sldId="2147479798"/>
        </pc:sldMkLst>
      </pc:sldChg>
      <pc:sldMasterChg chg="modSldLayout">
        <pc:chgData name="Oscar Llorente Gonzalez" userId="e1d48c7f-7de1-49f5-ba88-07a54202ac7d" providerId="ADAL" clId="{B322E4E1-5FEE-4CD4-9AF1-3DF7A064646B}" dt="2024-02-08T12:05:50.061" v="50" actId="20577"/>
        <pc:sldMasterMkLst>
          <pc:docMk/>
          <pc:sldMasterMk cId="2523064765" sldId="2147483660"/>
        </pc:sldMasterMkLst>
        <pc:sldLayoutChg chg="modSp mod">
          <pc:chgData name="Oscar Llorente Gonzalez" userId="e1d48c7f-7de1-49f5-ba88-07a54202ac7d" providerId="ADAL" clId="{B322E4E1-5FEE-4CD4-9AF1-3DF7A064646B}" dt="2024-02-08T12:05:50.043" v="42" actId="20577"/>
          <pc:sldLayoutMkLst>
            <pc:docMk/>
            <pc:sldMasterMk cId="2523064765" sldId="2147483660"/>
            <pc:sldLayoutMk cId="2275899235" sldId="2147483678"/>
          </pc:sldLayoutMkLst>
          <pc:spChg chg="mod">
            <ac:chgData name="Oscar Llorente Gonzalez" userId="e1d48c7f-7de1-49f5-ba88-07a54202ac7d" providerId="ADAL" clId="{B322E4E1-5FEE-4CD4-9AF1-3DF7A064646B}" dt="2024-02-08T12:05:50.043" v="42" actId="20577"/>
            <ac:spMkLst>
              <pc:docMk/>
              <pc:sldMasterMk cId="2523064765" sldId="2147483660"/>
              <pc:sldLayoutMk cId="2275899235" sldId="2147483678"/>
              <ac:spMk id="11" creationId="{A55C34B4-681E-4FDA-A9BB-6BC31D94C8D6}"/>
            </ac:spMkLst>
          </pc:spChg>
        </pc:sldLayoutChg>
        <pc:sldLayoutChg chg="modSp mod">
          <pc:chgData name="Oscar Llorente Gonzalez" userId="e1d48c7f-7de1-49f5-ba88-07a54202ac7d" providerId="ADAL" clId="{B322E4E1-5FEE-4CD4-9AF1-3DF7A064646B}" dt="2024-02-08T12:05:50.061" v="50" actId="20577"/>
          <pc:sldLayoutMkLst>
            <pc:docMk/>
            <pc:sldMasterMk cId="2523064765" sldId="2147483660"/>
            <pc:sldLayoutMk cId="1436988196" sldId="2147483681"/>
          </pc:sldLayoutMkLst>
          <pc:spChg chg="mod">
            <ac:chgData name="Oscar Llorente Gonzalez" userId="e1d48c7f-7de1-49f5-ba88-07a54202ac7d" providerId="ADAL" clId="{B322E4E1-5FEE-4CD4-9AF1-3DF7A064646B}" dt="2024-02-08T12:05:50.061" v="50" actId="20577"/>
            <ac:spMkLst>
              <pc:docMk/>
              <pc:sldMasterMk cId="2523064765" sldId="2147483660"/>
              <pc:sldLayoutMk cId="1436988196" sldId="2147483681"/>
              <ac:spMk id="14" creationId="{089CBEB5-348B-49F3-8F8B-FDEE08950E37}"/>
            </ac:spMkLst>
          </pc:spChg>
        </pc:sldLayoutChg>
        <pc:sldLayoutChg chg="modSp mod">
          <pc:chgData name="Oscar Llorente Gonzalez" userId="e1d48c7f-7de1-49f5-ba88-07a54202ac7d" providerId="ADAL" clId="{B322E4E1-5FEE-4CD4-9AF1-3DF7A064646B}" dt="2024-02-08T12:05:50.053" v="46" actId="20577"/>
          <pc:sldLayoutMkLst>
            <pc:docMk/>
            <pc:sldMasterMk cId="2523064765" sldId="2147483660"/>
            <pc:sldLayoutMk cId="2548612008" sldId="2147483690"/>
          </pc:sldLayoutMkLst>
          <pc:spChg chg="mod">
            <ac:chgData name="Oscar Llorente Gonzalez" userId="e1d48c7f-7de1-49f5-ba88-07a54202ac7d" providerId="ADAL" clId="{B322E4E1-5FEE-4CD4-9AF1-3DF7A064646B}" dt="2024-02-08T12:05:50.053" v="46" actId="20577"/>
            <ac:spMkLst>
              <pc:docMk/>
              <pc:sldMasterMk cId="2523064765" sldId="2147483660"/>
              <pc:sldLayoutMk cId="2548612008" sldId="2147483690"/>
              <ac:spMk id="10" creationId="{549048C1-340D-44C4-857B-1B201EC9A7E7}"/>
            </ac:spMkLst>
          </pc:spChg>
        </pc:sldLayoutChg>
      </pc:sldMasterChg>
      <pc:sldMasterChg chg="modSldLayout">
        <pc:chgData name="Oscar Llorente Gonzalez" userId="e1d48c7f-7de1-49f5-ba88-07a54202ac7d" providerId="ADAL" clId="{B322E4E1-5FEE-4CD4-9AF1-3DF7A064646B}" dt="2024-02-08T12:05:50.094" v="54" actId="20577"/>
        <pc:sldMasterMkLst>
          <pc:docMk/>
          <pc:sldMasterMk cId="4061182373" sldId="2147483765"/>
        </pc:sldMasterMkLst>
        <pc:sldLayoutChg chg="modSp mod">
          <pc:chgData name="Oscar Llorente Gonzalez" userId="e1d48c7f-7de1-49f5-ba88-07a54202ac7d" providerId="ADAL" clId="{B322E4E1-5FEE-4CD4-9AF1-3DF7A064646B}" dt="2024-02-08T12:05:50.094" v="54" actId="20577"/>
          <pc:sldLayoutMkLst>
            <pc:docMk/>
            <pc:sldMasterMk cId="4061182373" sldId="2147483765"/>
            <pc:sldLayoutMk cId="1967283423" sldId="2147483779"/>
          </pc:sldLayoutMkLst>
          <pc:spChg chg="mod">
            <ac:chgData name="Oscar Llorente Gonzalez" userId="e1d48c7f-7de1-49f5-ba88-07a54202ac7d" providerId="ADAL" clId="{B322E4E1-5FEE-4CD4-9AF1-3DF7A064646B}" dt="2024-02-08T12:05:50.094" v="54" actId="20577"/>
            <ac:spMkLst>
              <pc:docMk/>
              <pc:sldMasterMk cId="4061182373" sldId="2147483765"/>
              <pc:sldLayoutMk cId="1967283423" sldId="2147483779"/>
              <ac:spMk id="8" creationId="{51373698-5BAD-06D6-A158-EF539C33C7ED}"/>
            </ac:spMkLst>
          </pc:spChg>
        </pc:sldLayoutChg>
      </pc:sldMasterChg>
    </pc:docChg>
  </pc:docChgLst>
  <pc:docChgLst>
    <pc:chgData name="Oscar Llorente Gonzalez" userId="e1d48c7f-7de1-49f5-ba88-07a54202ac7d" providerId="ADAL" clId="{5A80F24B-A99F-4C5F-80FB-BB877AB3CE9A}"/>
    <pc:docChg chg="undo redo custSel addSld delSld modSld modMainMaster modSection">
      <pc:chgData name="Oscar Llorente Gonzalez" userId="e1d48c7f-7de1-49f5-ba88-07a54202ac7d" providerId="ADAL" clId="{5A80F24B-A99F-4C5F-80FB-BB877AB3CE9A}" dt="2024-07-26T12:52:14.378" v="2414" actId="20577"/>
      <pc:docMkLst>
        <pc:docMk/>
      </pc:docMkLst>
      <pc:sldChg chg="modSp add del">
        <pc:chgData name="Oscar Llorente Gonzalez" userId="e1d48c7f-7de1-49f5-ba88-07a54202ac7d" providerId="ADAL" clId="{5A80F24B-A99F-4C5F-80FB-BB877AB3CE9A}" dt="2024-07-26T12:30:03.054" v="1633" actId="47"/>
        <pc:sldMkLst>
          <pc:docMk/>
          <pc:sldMk cId="597653648" sldId="256"/>
        </pc:sldMkLst>
        <pc:spChg chg="mod">
          <ac:chgData name="Oscar Llorente Gonzalez" userId="e1d48c7f-7de1-49f5-ba88-07a54202ac7d" providerId="ADAL" clId="{5A80F24B-A99F-4C5F-80FB-BB877AB3CE9A}" dt="2024-07-26T11:43:52.670" v="381"/>
          <ac:spMkLst>
            <pc:docMk/>
            <pc:sldMk cId="597653648" sldId="256"/>
            <ac:spMk id="7" creationId="{00000000-0000-0000-0000-000000000000}"/>
          </ac:spMkLst>
        </pc:spChg>
        <pc:spChg chg="mod">
          <ac:chgData name="Oscar Llorente Gonzalez" userId="e1d48c7f-7de1-49f5-ba88-07a54202ac7d" providerId="ADAL" clId="{5A80F24B-A99F-4C5F-80FB-BB877AB3CE9A}" dt="2024-07-26T11:43:52.671" v="383"/>
          <ac:spMkLst>
            <pc:docMk/>
            <pc:sldMk cId="597653648" sldId="256"/>
            <ac:spMk id="27" creationId="{8C820768-6749-44A5-B541-3047F7B401A5}"/>
          </ac:spMkLst>
        </pc:spChg>
        <pc:spChg chg="mod">
          <ac:chgData name="Oscar Llorente Gonzalez" userId="e1d48c7f-7de1-49f5-ba88-07a54202ac7d" providerId="ADAL" clId="{5A80F24B-A99F-4C5F-80FB-BB877AB3CE9A}" dt="2024-07-26T11:43:52.672" v="385"/>
          <ac:spMkLst>
            <pc:docMk/>
            <pc:sldMk cId="597653648" sldId="256"/>
            <ac:spMk id="28" creationId="{5A105E20-CF43-4753-9F5B-276BE348C70C}"/>
          </ac:spMkLst>
        </pc:spChg>
        <pc:spChg chg="mod">
          <ac:chgData name="Oscar Llorente Gonzalez" userId="e1d48c7f-7de1-49f5-ba88-07a54202ac7d" providerId="ADAL" clId="{5A80F24B-A99F-4C5F-80FB-BB877AB3CE9A}" dt="2024-07-26T11:43:52.672" v="387"/>
          <ac:spMkLst>
            <pc:docMk/>
            <pc:sldMk cId="597653648" sldId="256"/>
            <ac:spMk id="29" creationId="{A3E57089-5645-4F41-A358-8ED3EE935353}"/>
          </ac:spMkLst>
        </pc:spChg>
        <pc:spChg chg="mod">
          <ac:chgData name="Oscar Llorente Gonzalez" userId="e1d48c7f-7de1-49f5-ba88-07a54202ac7d" providerId="ADAL" clId="{5A80F24B-A99F-4C5F-80FB-BB877AB3CE9A}" dt="2024-07-26T11:43:52.673" v="389"/>
          <ac:spMkLst>
            <pc:docMk/>
            <pc:sldMk cId="597653648" sldId="256"/>
            <ac:spMk id="30" creationId="{8ADD6D32-391D-4A9E-8AA1-D8222C3C127E}"/>
          </ac:spMkLst>
        </pc:spChg>
        <pc:spChg chg="mod">
          <ac:chgData name="Oscar Llorente Gonzalez" userId="e1d48c7f-7de1-49f5-ba88-07a54202ac7d" providerId="ADAL" clId="{5A80F24B-A99F-4C5F-80FB-BB877AB3CE9A}" dt="2024-07-26T11:43:52.673" v="391"/>
          <ac:spMkLst>
            <pc:docMk/>
            <pc:sldMk cId="597653648" sldId="256"/>
            <ac:spMk id="31" creationId="{4B69C972-73D7-4359-AF13-321A2C1874B5}"/>
          </ac:spMkLst>
        </pc:spChg>
        <pc:spChg chg="mod">
          <ac:chgData name="Oscar Llorente Gonzalez" userId="e1d48c7f-7de1-49f5-ba88-07a54202ac7d" providerId="ADAL" clId="{5A80F24B-A99F-4C5F-80FB-BB877AB3CE9A}" dt="2024-07-26T11:43:52.674" v="393"/>
          <ac:spMkLst>
            <pc:docMk/>
            <pc:sldMk cId="597653648" sldId="256"/>
            <ac:spMk id="32" creationId="{886A1635-D220-4E76-90B2-40FE502F9956}"/>
          </ac:spMkLst>
        </pc:spChg>
        <pc:spChg chg="mod">
          <ac:chgData name="Oscar Llorente Gonzalez" userId="e1d48c7f-7de1-49f5-ba88-07a54202ac7d" providerId="ADAL" clId="{5A80F24B-A99F-4C5F-80FB-BB877AB3CE9A}" dt="2024-07-26T11:43:52.674" v="395"/>
          <ac:spMkLst>
            <pc:docMk/>
            <pc:sldMk cId="597653648" sldId="256"/>
            <ac:spMk id="33" creationId="{ADD21209-A5FE-4A19-A2BB-EA28D197F645}"/>
          </ac:spMkLst>
        </pc:spChg>
        <pc:grpChg chg="mod">
          <ac:chgData name="Oscar Llorente Gonzalez" userId="e1d48c7f-7de1-49f5-ba88-07a54202ac7d" providerId="ADAL" clId="{5A80F24B-A99F-4C5F-80FB-BB877AB3CE9A}" dt="2024-07-26T11:43:52.675" v="397"/>
          <ac:grpSpMkLst>
            <pc:docMk/>
            <pc:sldMk cId="597653648" sldId="256"/>
            <ac:grpSpMk id="2" creationId="{28724284-01F3-4BC9-BB50-2B09ABFAF441}"/>
          </ac:grpSpMkLst>
        </pc:grpChg>
        <pc:grpChg chg="mod">
          <ac:chgData name="Oscar Llorente Gonzalez" userId="e1d48c7f-7de1-49f5-ba88-07a54202ac7d" providerId="ADAL" clId="{5A80F24B-A99F-4C5F-80FB-BB877AB3CE9A}" dt="2024-07-26T11:43:52.675" v="399"/>
          <ac:grpSpMkLst>
            <pc:docMk/>
            <pc:sldMk cId="597653648" sldId="256"/>
            <ac:grpSpMk id="9" creationId="{A19242FF-F05D-445C-B5D4-1356123232A7}"/>
          </ac:grpSpMkLst>
        </pc:grpChg>
        <pc:grpChg chg="mod">
          <ac:chgData name="Oscar Llorente Gonzalez" userId="e1d48c7f-7de1-49f5-ba88-07a54202ac7d" providerId="ADAL" clId="{5A80F24B-A99F-4C5F-80FB-BB877AB3CE9A}" dt="2024-07-26T11:43:52.676" v="401"/>
          <ac:grpSpMkLst>
            <pc:docMk/>
            <pc:sldMk cId="597653648" sldId="256"/>
            <ac:grpSpMk id="17" creationId="{0E6E489C-A6B0-465E-8729-837C5118A358}"/>
          </ac:grpSpMkLst>
        </pc:grpChg>
        <pc:grpChg chg="mod">
          <ac:chgData name="Oscar Llorente Gonzalez" userId="e1d48c7f-7de1-49f5-ba88-07a54202ac7d" providerId="ADAL" clId="{5A80F24B-A99F-4C5F-80FB-BB877AB3CE9A}" dt="2024-07-26T11:43:52.677" v="403"/>
          <ac:grpSpMkLst>
            <pc:docMk/>
            <pc:sldMk cId="597653648" sldId="256"/>
            <ac:grpSpMk id="43" creationId="{B26BC2AF-F7A2-4A04-BC1A-6F5AF8A81EF9}"/>
          </ac:grpSpMkLst>
        </pc:grpChg>
        <pc:grpChg chg="mod">
          <ac:chgData name="Oscar Llorente Gonzalez" userId="e1d48c7f-7de1-49f5-ba88-07a54202ac7d" providerId="ADAL" clId="{5A80F24B-A99F-4C5F-80FB-BB877AB3CE9A}" dt="2024-07-26T11:43:52.678" v="405"/>
          <ac:grpSpMkLst>
            <pc:docMk/>
            <pc:sldMk cId="597653648" sldId="256"/>
            <ac:grpSpMk id="47" creationId="{3EA0FBEA-46A1-485D-B42C-915BAEA336BF}"/>
          </ac:grpSpMkLst>
        </pc:grpChg>
        <pc:grpChg chg="mod">
          <ac:chgData name="Oscar Llorente Gonzalez" userId="e1d48c7f-7de1-49f5-ba88-07a54202ac7d" providerId="ADAL" clId="{5A80F24B-A99F-4C5F-80FB-BB877AB3CE9A}" dt="2024-07-26T11:43:52.679" v="407"/>
          <ac:grpSpMkLst>
            <pc:docMk/>
            <pc:sldMk cId="597653648" sldId="256"/>
            <ac:grpSpMk id="52" creationId="{4EDE29A1-F837-43DF-A61F-693C5774D09E}"/>
          </ac:grpSpMkLst>
        </pc:grpChg>
      </pc:sldChg>
      <pc:sldChg chg="modSp mod">
        <pc:chgData name="Oscar Llorente Gonzalez" userId="e1d48c7f-7de1-49f5-ba88-07a54202ac7d" providerId="ADAL" clId="{5A80F24B-A99F-4C5F-80FB-BB877AB3CE9A}" dt="2024-07-26T12:52:14.378" v="2414" actId="20577"/>
        <pc:sldMkLst>
          <pc:docMk/>
          <pc:sldMk cId="46647062" sldId="2147479193"/>
        </pc:sldMkLst>
        <pc:spChg chg="mod">
          <ac:chgData name="Oscar Llorente Gonzalez" userId="e1d48c7f-7de1-49f5-ba88-07a54202ac7d" providerId="ADAL" clId="{5A80F24B-A99F-4C5F-80FB-BB877AB3CE9A}" dt="2024-07-26T12:39:17.428" v="1950" actId="20577"/>
          <ac:spMkLst>
            <pc:docMk/>
            <pc:sldMk cId="46647062" sldId="2147479193"/>
            <ac:spMk id="20" creationId="{BDDCF03B-24AE-05EB-527C-A8170D91E665}"/>
          </ac:spMkLst>
        </pc:spChg>
        <pc:spChg chg="mod">
          <ac:chgData name="Oscar Llorente Gonzalez" userId="e1d48c7f-7de1-49f5-ba88-07a54202ac7d" providerId="ADAL" clId="{5A80F24B-A99F-4C5F-80FB-BB877AB3CE9A}" dt="2024-07-26T12:52:14.378" v="2414" actId="20577"/>
          <ac:spMkLst>
            <pc:docMk/>
            <pc:sldMk cId="46647062" sldId="2147479193"/>
            <ac:spMk id="22" creationId="{18B85F4C-6797-89F5-6EA7-2997BBF4E4B1}"/>
          </ac:spMkLst>
        </pc:spChg>
      </pc:sldChg>
      <pc:sldChg chg="addSp delSp modSp mod">
        <pc:chgData name="Oscar Llorente Gonzalez" userId="e1d48c7f-7de1-49f5-ba88-07a54202ac7d" providerId="ADAL" clId="{5A80F24B-A99F-4C5F-80FB-BB877AB3CE9A}" dt="2024-07-20T15:22:08.494" v="141" actId="20577"/>
        <pc:sldMkLst>
          <pc:docMk/>
          <pc:sldMk cId="4062506516" sldId="2147479798"/>
        </pc:sldMkLst>
        <pc:spChg chg="mod">
          <ac:chgData name="Oscar Llorente Gonzalez" userId="e1d48c7f-7de1-49f5-ba88-07a54202ac7d" providerId="ADAL" clId="{5A80F24B-A99F-4C5F-80FB-BB877AB3CE9A}" dt="2024-07-20T15:22:08.494" v="141" actId="20577"/>
          <ac:spMkLst>
            <pc:docMk/>
            <pc:sldMk cId="4062506516" sldId="2147479798"/>
            <ac:spMk id="2" creationId="{681E8559-BD82-785E-6496-C0AA91840EAD}"/>
          </ac:spMkLst>
        </pc:spChg>
        <pc:spChg chg="del">
          <ac:chgData name="Oscar Llorente Gonzalez" userId="e1d48c7f-7de1-49f5-ba88-07a54202ac7d" providerId="ADAL" clId="{5A80F24B-A99F-4C5F-80FB-BB877AB3CE9A}" dt="2024-07-20T14:45:57.292" v="35" actId="478"/>
          <ac:spMkLst>
            <pc:docMk/>
            <pc:sldMk cId="4062506516" sldId="2147479798"/>
            <ac:spMk id="3" creationId="{861617CC-9DF9-41CD-2249-99717F67320B}"/>
          </ac:spMkLst>
        </pc:spChg>
        <pc:graphicFrameChg chg="add del mod">
          <ac:chgData name="Oscar Llorente Gonzalez" userId="e1d48c7f-7de1-49f5-ba88-07a54202ac7d" providerId="ADAL" clId="{5A80F24B-A99F-4C5F-80FB-BB877AB3CE9A}" dt="2024-07-20T14:43:46.017" v="19"/>
          <ac:graphicFrameMkLst>
            <pc:docMk/>
            <pc:sldMk cId="4062506516" sldId="2147479798"/>
            <ac:graphicFrameMk id="4" creationId="{5B935DF2-3763-4F22-82B8-50A1B651E6DD}"/>
          </ac:graphicFrameMkLst>
        </pc:graphicFrameChg>
        <pc:picChg chg="add del mod">
          <ac:chgData name="Oscar Llorente Gonzalez" userId="e1d48c7f-7de1-49f5-ba88-07a54202ac7d" providerId="ADAL" clId="{5A80F24B-A99F-4C5F-80FB-BB877AB3CE9A}" dt="2024-07-20T15:13:39.986" v="127" actId="478"/>
          <ac:picMkLst>
            <pc:docMk/>
            <pc:sldMk cId="4062506516" sldId="2147479798"/>
            <ac:picMk id="3" creationId="{7A180FE7-685E-2AC7-EE76-FBC16EB9F49A}"/>
          </ac:picMkLst>
        </pc:picChg>
        <pc:picChg chg="add del mod">
          <ac:chgData name="Oscar Llorente Gonzalez" userId="e1d48c7f-7de1-49f5-ba88-07a54202ac7d" providerId="ADAL" clId="{5A80F24B-A99F-4C5F-80FB-BB877AB3CE9A}" dt="2024-07-20T15:00:47.666" v="79" actId="478"/>
          <ac:picMkLst>
            <pc:docMk/>
            <pc:sldMk cId="4062506516" sldId="2147479798"/>
            <ac:picMk id="6" creationId="{1CCE344B-FD06-7AC3-E400-F271FB5AE8A5}"/>
          </ac:picMkLst>
        </pc:picChg>
        <pc:picChg chg="add mod">
          <ac:chgData name="Oscar Llorente Gonzalez" userId="e1d48c7f-7de1-49f5-ba88-07a54202ac7d" providerId="ADAL" clId="{5A80F24B-A99F-4C5F-80FB-BB877AB3CE9A}" dt="2024-07-20T15:13:59.442" v="134" actId="1076"/>
          <ac:picMkLst>
            <pc:docMk/>
            <pc:sldMk cId="4062506516" sldId="2147479798"/>
            <ac:picMk id="1026" creationId="{58DB096D-C677-974C-5EF3-CD58254EC075}"/>
          </ac:picMkLst>
        </pc:picChg>
        <pc:picChg chg="add mod">
          <ac:chgData name="Oscar Llorente Gonzalez" userId="e1d48c7f-7de1-49f5-ba88-07a54202ac7d" providerId="ADAL" clId="{5A80F24B-A99F-4C5F-80FB-BB877AB3CE9A}" dt="2024-07-20T15:13:49.215" v="132" actId="1076"/>
          <ac:picMkLst>
            <pc:docMk/>
            <pc:sldMk cId="4062506516" sldId="2147479798"/>
            <ac:picMk id="1028" creationId="{56BCC10B-ECE6-A11C-2CA1-36FBA988522A}"/>
          </ac:picMkLst>
        </pc:picChg>
        <pc:picChg chg="add del mod">
          <ac:chgData name="Oscar Llorente Gonzalez" userId="e1d48c7f-7de1-49f5-ba88-07a54202ac7d" providerId="ADAL" clId="{5A80F24B-A99F-4C5F-80FB-BB877AB3CE9A}" dt="2024-07-20T14:52:52.889" v="72" actId="478"/>
          <ac:picMkLst>
            <pc:docMk/>
            <pc:sldMk cId="4062506516" sldId="2147479798"/>
            <ac:picMk id="1028" creationId="{D8E50C0B-2526-CEDF-8178-ED19BB4C6D47}"/>
          </ac:picMkLst>
        </pc:picChg>
        <pc:picChg chg="add del mod">
          <ac:chgData name="Oscar Llorente Gonzalez" userId="e1d48c7f-7de1-49f5-ba88-07a54202ac7d" providerId="ADAL" clId="{5A80F24B-A99F-4C5F-80FB-BB877AB3CE9A}" dt="2024-07-20T15:07:55.432" v="121" actId="478"/>
          <ac:picMkLst>
            <pc:docMk/>
            <pc:sldMk cId="4062506516" sldId="2147479798"/>
            <ac:picMk id="1030" creationId="{C8BBDEB5-A2CC-A4C3-50DC-E2E1250C5AC9}"/>
          </ac:picMkLst>
        </pc:picChg>
      </pc:sldChg>
      <pc:sldChg chg="new del">
        <pc:chgData name="Oscar Llorente Gonzalez" userId="e1d48c7f-7de1-49f5-ba88-07a54202ac7d" providerId="ADAL" clId="{5A80F24B-A99F-4C5F-80FB-BB877AB3CE9A}" dt="2024-07-26T12:30:21.302" v="1634" actId="47"/>
        <pc:sldMkLst>
          <pc:docMk/>
          <pc:sldMk cId="943983982" sldId="2147479799"/>
        </pc:sldMkLst>
      </pc:sldChg>
      <pc:sldChg chg="addSp delSp modSp add del mod">
        <pc:chgData name="Oscar Llorente Gonzalez" userId="e1d48c7f-7de1-49f5-ba88-07a54202ac7d" providerId="ADAL" clId="{5A80F24B-A99F-4C5F-80FB-BB877AB3CE9A}" dt="2024-07-26T12:36:35.482" v="1937" actId="47"/>
        <pc:sldMkLst>
          <pc:docMk/>
          <pc:sldMk cId="905362749" sldId="2147479806"/>
        </pc:sldMkLst>
        <pc:spChg chg="del">
          <ac:chgData name="Oscar Llorente Gonzalez" userId="e1d48c7f-7de1-49f5-ba88-07a54202ac7d" providerId="ADAL" clId="{5A80F24B-A99F-4C5F-80FB-BB877AB3CE9A}" dt="2024-07-26T11:39:36.855" v="173" actId="478"/>
          <ac:spMkLst>
            <pc:docMk/>
            <pc:sldMk cId="905362749" sldId="2147479806"/>
            <ac:spMk id="2" creationId="{3474AAA2-C503-AD23-7571-B61EEFAB5A22}"/>
          </ac:spMkLst>
        </pc:spChg>
        <pc:spChg chg="mod">
          <ac:chgData name="Oscar Llorente Gonzalez" userId="e1d48c7f-7de1-49f5-ba88-07a54202ac7d" providerId="ADAL" clId="{5A80F24B-A99F-4C5F-80FB-BB877AB3CE9A}" dt="2024-07-26T11:39:21.706" v="167" actId="20577"/>
          <ac:spMkLst>
            <pc:docMk/>
            <pc:sldMk cId="905362749" sldId="2147479806"/>
            <ac:spMk id="4" creationId="{00000000-0000-0000-0000-000000000000}"/>
          </ac:spMkLst>
        </pc:spChg>
        <pc:spChg chg="mod">
          <ac:chgData name="Oscar Llorente Gonzalez" userId="e1d48c7f-7de1-49f5-ba88-07a54202ac7d" providerId="ADAL" clId="{5A80F24B-A99F-4C5F-80FB-BB877AB3CE9A}" dt="2024-07-26T11:42:25.522" v="349" actId="20577"/>
          <ac:spMkLst>
            <pc:docMk/>
            <pc:sldMk cId="905362749" sldId="2147479806"/>
            <ac:spMk id="15" creationId="{10FF43B2-55A7-4B07-A2D7-E1127A5111FE}"/>
          </ac:spMkLst>
        </pc:spChg>
        <pc:spChg chg="del">
          <ac:chgData name="Oscar Llorente Gonzalez" userId="e1d48c7f-7de1-49f5-ba88-07a54202ac7d" providerId="ADAL" clId="{5A80F24B-A99F-4C5F-80FB-BB877AB3CE9A}" dt="2024-07-26T11:39:32.136" v="171" actId="478"/>
          <ac:spMkLst>
            <pc:docMk/>
            <pc:sldMk cId="905362749" sldId="2147479806"/>
            <ac:spMk id="16" creationId="{224DDFD8-F4B0-4FC3-8435-029D1C66B81E}"/>
          </ac:spMkLst>
        </pc:spChg>
        <pc:spChg chg="del">
          <ac:chgData name="Oscar Llorente Gonzalez" userId="e1d48c7f-7de1-49f5-ba88-07a54202ac7d" providerId="ADAL" clId="{5A80F24B-A99F-4C5F-80FB-BB877AB3CE9A}" dt="2024-07-26T11:39:26.942" v="168" actId="478"/>
          <ac:spMkLst>
            <pc:docMk/>
            <pc:sldMk cId="905362749" sldId="2147479806"/>
            <ac:spMk id="18" creationId="{259B36BC-1CDE-44B1-8107-31FFE2C728C6}"/>
          </ac:spMkLst>
        </pc:spChg>
        <pc:spChg chg="mod">
          <ac:chgData name="Oscar Llorente Gonzalez" userId="e1d48c7f-7de1-49f5-ba88-07a54202ac7d" providerId="ADAL" clId="{5A80F24B-A99F-4C5F-80FB-BB877AB3CE9A}" dt="2024-07-26T11:40:18.448" v="192" actId="20577"/>
          <ac:spMkLst>
            <pc:docMk/>
            <pc:sldMk cId="905362749" sldId="2147479806"/>
            <ac:spMk id="19" creationId="{52E0B277-0B7B-4D98-B9A0-A9C243DB0378}"/>
          </ac:spMkLst>
        </pc:spChg>
        <pc:spChg chg="del">
          <ac:chgData name="Oscar Llorente Gonzalez" userId="e1d48c7f-7de1-49f5-ba88-07a54202ac7d" providerId="ADAL" clId="{5A80F24B-A99F-4C5F-80FB-BB877AB3CE9A}" dt="2024-07-26T11:39:41.618" v="175" actId="478"/>
          <ac:spMkLst>
            <pc:docMk/>
            <pc:sldMk cId="905362749" sldId="2147479806"/>
            <ac:spMk id="20" creationId="{D6C1D3ED-3278-42A4-82A8-C70B2221D934}"/>
          </ac:spMkLst>
        </pc:spChg>
        <pc:spChg chg="del">
          <ac:chgData name="Oscar Llorente Gonzalez" userId="e1d48c7f-7de1-49f5-ba88-07a54202ac7d" providerId="ADAL" clId="{5A80F24B-A99F-4C5F-80FB-BB877AB3CE9A}" dt="2024-07-26T11:39:35.147" v="172" actId="478"/>
          <ac:spMkLst>
            <pc:docMk/>
            <pc:sldMk cId="905362749" sldId="2147479806"/>
            <ac:spMk id="21" creationId="{723B3E69-8CB4-4AE1-B94F-3B7B9976EF4F}"/>
          </ac:spMkLst>
        </pc:spChg>
        <pc:grpChg chg="add del mod">
          <ac:chgData name="Oscar Llorente Gonzalez" userId="e1d48c7f-7de1-49f5-ba88-07a54202ac7d" providerId="ADAL" clId="{5A80F24B-A99F-4C5F-80FB-BB877AB3CE9A}" dt="2024-07-26T11:40:00.440" v="178" actId="14100"/>
          <ac:grpSpMkLst>
            <pc:docMk/>
            <pc:sldMk cId="905362749" sldId="2147479806"/>
            <ac:grpSpMk id="34" creationId="{52BFA7C5-56A5-46CA-B51C-C369A465FEBD}"/>
          </ac:grpSpMkLst>
        </pc:grpChg>
      </pc:sldChg>
      <pc:sldChg chg="new del">
        <pc:chgData name="Oscar Llorente Gonzalez" userId="e1d48c7f-7de1-49f5-ba88-07a54202ac7d" providerId="ADAL" clId="{5A80F24B-A99F-4C5F-80FB-BB877AB3CE9A}" dt="2024-07-26T12:36:32.351" v="1935" actId="47"/>
        <pc:sldMkLst>
          <pc:docMk/>
          <pc:sldMk cId="2585229923" sldId="2147479807"/>
        </pc:sldMkLst>
      </pc:sldChg>
      <pc:sldChg chg="modSp add del mod">
        <pc:chgData name="Oscar Llorente Gonzalez" userId="e1d48c7f-7de1-49f5-ba88-07a54202ac7d" providerId="ADAL" clId="{5A80F24B-A99F-4C5F-80FB-BB877AB3CE9A}" dt="2024-07-26T12:36:33.966" v="1936" actId="47"/>
        <pc:sldMkLst>
          <pc:docMk/>
          <pc:sldMk cId="917250556" sldId="2147479808"/>
        </pc:sldMkLst>
        <pc:spChg chg="mod">
          <ac:chgData name="Oscar Llorente Gonzalez" userId="e1d48c7f-7de1-49f5-ba88-07a54202ac7d" providerId="ADAL" clId="{5A80F24B-A99F-4C5F-80FB-BB877AB3CE9A}" dt="2024-07-26T11:44:14.028" v="438"/>
          <ac:spMkLst>
            <pc:docMk/>
            <pc:sldMk cId="917250556" sldId="2147479808"/>
            <ac:spMk id="4" creationId="{00000000-0000-0000-0000-000000000000}"/>
          </ac:spMkLst>
        </pc:spChg>
        <pc:spChg chg="mod">
          <ac:chgData name="Oscar Llorente Gonzalez" userId="e1d48c7f-7de1-49f5-ba88-07a54202ac7d" providerId="ADAL" clId="{5A80F24B-A99F-4C5F-80FB-BB877AB3CE9A}" dt="2024-07-26T11:46:53.970" v="589" actId="2711"/>
          <ac:spMkLst>
            <pc:docMk/>
            <pc:sldMk cId="917250556" sldId="2147479808"/>
            <ac:spMk id="15" creationId="{10FF43B2-55A7-4B07-A2D7-E1127A5111FE}"/>
          </ac:spMkLst>
        </pc:spChg>
        <pc:spChg chg="mod">
          <ac:chgData name="Oscar Llorente Gonzalez" userId="e1d48c7f-7de1-49f5-ba88-07a54202ac7d" providerId="ADAL" clId="{5A80F24B-A99F-4C5F-80FB-BB877AB3CE9A}" dt="2024-07-26T11:46:49.806" v="571" actId="20577"/>
          <ac:spMkLst>
            <pc:docMk/>
            <pc:sldMk cId="917250556" sldId="2147479808"/>
            <ac:spMk id="16" creationId="{224DDFD8-F4B0-4FC3-8435-029D1C66B81E}"/>
          </ac:spMkLst>
        </pc:spChg>
        <pc:spChg chg="mod">
          <ac:chgData name="Oscar Llorente Gonzalez" userId="e1d48c7f-7de1-49f5-ba88-07a54202ac7d" providerId="ADAL" clId="{5A80F24B-A99F-4C5F-80FB-BB877AB3CE9A}" dt="2024-07-26T11:46:53.786" v="583" actId="20577"/>
          <ac:spMkLst>
            <pc:docMk/>
            <pc:sldMk cId="917250556" sldId="2147479808"/>
            <ac:spMk id="18" creationId="{259B36BC-1CDE-44B1-8107-31FFE2C728C6}"/>
          </ac:spMkLst>
        </pc:spChg>
        <pc:spChg chg="mod">
          <ac:chgData name="Oscar Llorente Gonzalez" userId="e1d48c7f-7de1-49f5-ba88-07a54202ac7d" providerId="ADAL" clId="{5A80F24B-A99F-4C5F-80FB-BB877AB3CE9A}" dt="2024-07-26T11:46:53.695" v="580" actId="20577"/>
          <ac:spMkLst>
            <pc:docMk/>
            <pc:sldMk cId="917250556" sldId="2147479808"/>
            <ac:spMk id="19" creationId="{52E0B277-0B7B-4D98-B9A0-A9C243DB0378}"/>
          </ac:spMkLst>
        </pc:spChg>
        <pc:spChg chg="mod">
          <ac:chgData name="Oscar Llorente Gonzalez" userId="e1d48c7f-7de1-49f5-ba88-07a54202ac7d" providerId="ADAL" clId="{5A80F24B-A99F-4C5F-80FB-BB877AB3CE9A}" dt="2024-07-26T11:46:52.455" v="574" actId="20577"/>
          <ac:spMkLst>
            <pc:docMk/>
            <pc:sldMk cId="917250556" sldId="2147479808"/>
            <ac:spMk id="20" creationId="{D6C1D3ED-3278-42A4-82A8-C70B2221D934}"/>
          </ac:spMkLst>
        </pc:spChg>
        <pc:spChg chg="mod">
          <ac:chgData name="Oscar Llorente Gonzalez" userId="e1d48c7f-7de1-49f5-ba88-07a54202ac7d" providerId="ADAL" clId="{5A80F24B-A99F-4C5F-80FB-BB877AB3CE9A}" dt="2024-07-26T11:46:53.672" v="579" actId="20577"/>
          <ac:spMkLst>
            <pc:docMk/>
            <pc:sldMk cId="917250556" sldId="2147479808"/>
            <ac:spMk id="21" creationId="{723B3E69-8CB4-4AE1-B94F-3B7B9976EF4F}"/>
          </ac:spMkLst>
        </pc:spChg>
        <pc:spChg chg="mod">
          <ac:chgData name="Oscar Llorente Gonzalez" userId="e1d48c7f-7de1-49f5-ba88-07a54202ac7d" providerId="ADAL" clId="{5A80F24B-A99F-4C5F-80FB-BB877AB3CE9A}" dt="2024-07-26T11:44:14.030" v="442"/>
          <ac:spMkLst>
            <pc:docMk/>
            <pc:sldMk cId="917250556" sldId="2147479808"/>
            <ac:spMk id="33" creationId="{2148C60D-F12B-42C7-8AAD-B30814B3C8B2}"/>
          </ac:spMkLst>
        </pc:spChg>
        <pc:grpChg chg="mod">
          <ac:chgData name="Oscar Llorente Gonzalez" userId="e1d48c7f-7de1-49f5-ba88-07a54202ac7d" providerId="ADAL" clId="{5A80F24B-A99F-4C5F-80FB-BB877AB3CE9A}" dt="2024-07-26T11:44:14.029" v="440"/>
          <ac:grpSpMkLst>
            <pc:docMk/>
            <pc:sldMk cId="917250556" sldId="2147479808"/>
            <ac:grpSpMk id="34" creationId="{52BFA7C5-56A5-46CA-B51C-C369A465FEBD}"/>
          </ac:grpSpMkLst>
        </pc:grpChg>
      </pc:sldChg>
      <pc:sldChg chg="addSp delSp modSp add mod">
        <pc:chgData name="Oscar Llorente Gonzalez" userId="e1d48c7f-7de1-49f5-ba88-07a54202ac7d" providerId="ADAL" clId="{5A80F24B-A99F-4C5F-80FB-BB877AB3CE9A}" dt="2024-07-26T12:39:59.966" v="1956" actId="478"/>
        <pc:sldMkLst>
          <pc:docMk/>
          <pc:sldMk cId="1788028285" sldId="2147479809"/>
        </pc:sldMkLst>
        <pc:spChg chg="del mod">
          <ac:chgData name="Oscar Llorente Gonzalez" userId="e1d48c7f-7de1-49f5-ba88-07a54202ac7d" providerId="ADAL" clId="{5A80F24B-A99F-4C5F-80FB-BB877AB3CE9A}" dt="2024-07-26T12:21:06.456" v="850" actId="478"/>
          <ac:spMkLst>
            <pc:docMk/>
            <pc:sldMk cId="1788028285" sldId="2147479809"/>
            <ac:spMk id="2" creationId="{3474AAA2-C503-AD23-7571-B61EEFAB5A22}"/>
          </ac:spMkLst>
        </pc:spChg>
        <pc:spChg chg="mod">
          <ac:chgData name="Oscar Llorente Gonzalez" userId="e1d48c7f-7de1-49f5-ba88-07a54202ac7d" providerId="ADAL" clId="{5A80F24B-A99F-4C5F-80FB-BB877AB3CE9A}" dt="2024-07-26T11:47:10.920" v="602" actId="20577"/>
          <ac:spMkLst>
            <pc:docMk/>
            <pc:sldMk cId="1788028285" sldId="2147479809"/>
            <ac:spMk id="4" creationId="{00000000-0000-0000-0000-000000000000}"/>
          </ac:spMkLst>
        </pc:spChg>
        <pc:spChg chg="del mod">
          <ac:chgData name="Oscar Llorente Gonzalez" userId="e1d48c7f-7de1-49f5-ba88-07a54202ac7d" providerId="ADAL" clId="{5A80F24B-A99F-4C5F-80FB-BB877AB3CE9A}" dt="2024-07-26T12:25:14.959" v="1206" actId="478"/>
          <ac:spMkLst>
            <pc:docMk/>
            <pc:sldMk cId="1788028285" sldId="2147479809"/>
            <ac:spMk id="15" creationId="{10FF43B2-55A7-4B07-A2D7-E1127A5111FE}"/>
          </ac:spMkLst>
        </pc:spChg>
        <pc:spChg chg="mod">
          <ac:chgData name="Oscar Llorente Gonzalez" userId="e1d48c7f-7de1-49f5-ba88-07a54202ac7d" providerId="ADAL" clId="{5A80F24B-A99F-4C5F-80FB-BB877AB3CE9A}" dt="2024-07-26T12:27:11.294" v="1253" actId="14100"/>
          <ac:spMkLst>
            <pc:docMk/>
            <pc:sldMk cId="1788028285" sldId="2147479809"/>
            <ac:spMk id="16" creationId="{224DDFD8-F4B0-4FC3-8435-029D1C66B81E}"/>
          </ac:spMkLst>
        </pc:spChg>
        <pc:spChg chg="mod">
          <ac:chgData name="Oscar Llorente Gonzalez" userId="e1d48c7f-7de1-49f5-ba88-07a54202ac7d" providerId="ADAL" clId="{5A80F24B-A99F-4C5F-80FB-BB877AB3CE9A}" dt="2024-07-26T12:27:12.297" v="1255" actId="14100"/>
          <ac:spMkLst>
            <pc:docMk/>
            <pc:sldMk cId="1788028285" sldId="2147479809"/>
            <ac:spMk id="18" creationId="{259B36BC-1CDE-44B1-8107-31FFE2C728C6}"/>
          </ac:spMkLst>
        </pc:spChg>
        <pc:spChg chg="mod">
          <ac:chgData name="Oscar Llorente Gonzalez" userId="e1d48c7f-7de1-49f5-ba88-07a54202ac7d" providerId="ADAL" clId="{5A80F24B-A99F-4C5F-80FB-BB877AB3CE9A}" dt="2024-07-26T12:27:37.512" v="1298" actId="20577"/>
          <ac:spMkLst>
            <pc:docMk/>
            <pc:sldMk cId="1788028285" sldId="2147479809"/>
            <ac:spMk id="19" creationId="{52E0B277-0B7B-4D98-B9A0-A9C243DB0378}"/>
          </ac:spMkLst>
        </pc:spChg>
        <pc:spChg chg="del">
          <ac:chgData name="Oscar Llorente Gonzalez" userId="e1d48c7f-7de1-49f5-ba88-07a54202ac7d" providerId="ADAL" clId="{5A80F24B-A99F-4C5F-80FB-BB877AB3CE9A}" dt="2024-07-26T12:21:37.610" v="915" actId="478"/>
          <ac:spMkLst>
            <pc:docMk/>
            <pc:sldMk cId="1788028285" sldId="2147479809"/>
            <ac:spMk id="20" creationId="{D6C1D3ED-3278-42A4-82A8-C70B2221D934}"/>
          </ac:spMkLst>
        </pc:spChg>
        <pc:spChg chg="mod">
          <ac:chgData name="Oscar Llorente Gonzalez" userId="e1d48c7f-7de1-49f5-ba88-07a54202ac7d" providerId="ADAL" clId="{5A80F24B-A99F-4C5F-80FB-BB877AB3CE9A}" dt="2024-07-26T12:36:16.872" v="1933" actId="20577"/>
          <ac:spMkLst>
            <pc:docMk/>
            <pc:sldMk cId="1788028285" sldId="2147479809"/>
            <ac:spMk id="21" creationId="{723B3E69-8CB4-4AE1-B94F-3B7B9976EF4F}"/>
          </ac:spMkLst>
        </pc:spChg>
        <pc:spChg chg="mod">
          <ac:chgData name="Oscar Llorente Gonzalez" userId="e1d48c7f-7de1-49f5-ba88-07a54202ac7d" providerId="ADAL" clId="{5A80F24B-A99F-4C5F-80FB-BB877AB3CE9A}" dt="2024-07-26T12:32:59.619" v="1863" actId="6549"/>
          <ac:spMkLst>
            <pc:docMk/>
            <pc:sldMk cId="1788028285" sldId="2147479809"/>
            <ac:spMk id="33" creationId="{2148C60D-F12B-42C7-8AAD-B30814B3C8B2}"/>
          </ac:spMkLst>
        </pc:spChg>
        <pc:grpChg chg="mod">
          <ac:chgData name="Oscar Llorente Gonzalez" userId="e1d48c7f-7de1-49f5-ba88-07a54202ac7d" providerId="ADAL" clId="{5A80F24B-A99F-4C5F-80FB-BB877AB3CE9A}" dt="2024-07-26T12:26:01.396" v="1214" actId="14100"/>
          <ac:grpSpMkLst>
            <pc:docMk/>
            <pc:sldMk cId="1788028285" sldId="2147479809"/>
            <ac:grpSpMk id="34" creationId="{52BFA7C5-56A5-46CA-B51C-C369A465FEBD}"/>
          </ac:grpSpMkLst>
        </pc:grpChg>
        <pc:picChg chg="add del mod">
          <ac:chgData name="Oscar Llorente Gonzalez" userId="e1d48c7f-7de1-49f5-ba88-07a54202ac7d" providerId="ADAL" clId="{5A80F24B-A99F-4C5F-80FB-BB877AB3CE9A}" dt="2024-07-26T12:39:59.966" v="1956" actId="478"/>
          <ac:picMkLst>
            <pc:docMk/>
            <pc:sldMk cId="1788028285" sldId="2147479809"/>
            <ac:picMk id="3" creationId="{D639DBD9-7154-B859-CCF9-8E6A9778D30B}"/>
          </ac:picMkLst>
        </pc:picChg>
      </pc:sldChg>
      <pc:sldChg chg="modSp add del">
        <pc:chgData name="Oscar Llorente Gonzalez" userId="e1d48c7f-7de1-49f5-ba88-07a54202ac7d" providerId="ADAL" clId="{5A80F24B-A99F-4C5F-80FB-BB877AB3CE9A}" dt="2024-07-26T12:36:31.002" v="1934" actId="47"/>
        <pc:sldMkLst>
          <pc:docMk/>
          <pc:sldMk cId="2721306" sldId="2147479810"/>
        </pc:sldMkLst>
        <pc:spChg chg="mod">
          <ac:chgData name="Oscar Llorente Gonzalez" userId="e1d48c7f-7de1-49f5-ba88-07a54202ac7d" providerId="ADAL" clId="{5A80F24B-A99F-4C5F-80FB-BB877AB3CE9A}" dt="2024-07-26T12:22:51.503" v="947"/>
          <ac:spMkLst>
            <pc:docMk/>
            <pc:sldMk cId="2721306" sldId="2147479810"/>
            <ac:spMk id="12" creationId="{536D4A7B-3A3B-49DD-826F-7B7780DF749B}"/>
          </ac:spMkLst>
        </pc:spChg>
        <pc:grpChg chg="mod">
          <ac:chgData name="Oscar Llorente Gonzalez" userId="e1d48c7f-7de1-49f5-ba88-07a54202ac7d" providerId="ADAL" clId="{5A80F24B-A99F-4C5F-80FB-BB877AB3CE9A}" dt="2024-07-26T12:22:51.503" v="949"/>
          <ac:grpSpMkLst>
            <pc:docMk/>
            <pc:sldMk cId="2721306" sldId="2147479810"/>
            <ac:grpSpMk id="2" creationId="{2E1D6620-C34E-4A00-8279-21B8AC27889B}"/>
          </ac:grpSpMkLst>
        </pc:grpChg>
      </pc:sldChg>
      <pc:sldChg chg="modSp add del">
        <pc:chgData name="Oscar Llorente Gonzalez" userId="e1d48c7f-7de1-49f5-ba88-07a54202ac7d" providerId="ADAL" clId="{5A80F24B-A99F-4C5F-80FB-BB877AB3CE9A}" dt="2024-07-26T12:28:55.370" v="1389" actId="47"/>
        <pc:sldMkLst>
          <pc:docMk/>
          <pc:sldMk cId="3175671722" sldId="2147479811"/>
        </pc:sldMkLst>
        <pc:spChg chg="mod">
          <ac:chgData name="Oscar Llorente Gonzalez" userId="e1d48c7f-7de1-49f5-ba88-07a54202ac7d" providerId="ADAL" clId="{5A80F24B-A99F-4C5F-80FB-BB877AB3CE9A}" dt="2024-07-26T12:23:05.288" v="980"/>
          <ac:spMkLst>
            <pc:docMk/>
            <pc:sldMk cId="3175671722" sldId="2147479811"/>
            <ac:spMk id="2" creationId="{8C19E517-6A6B-4360-92FB-61AD2739DEB6}"/>
          </ac:spMkLst>
        </pc:spChg>
        <pc:grpChg chg="mod">
          <ac:chgData name="Oscar Llorente Gonzalez" userId="e1d48c7f-7de1-49f5-ba88-07a54202ac7d" providerId="ADAL" clId="{5A80F24B-A99F-4C5F-80FB-BB877AB3CE9A}" dt="2024-07-26T12:23:05.288" v="982"/>
          <ac:grpSpMkLst>
            <pc:docMk/>
            <pc:sldMk cId="3175671722" sldId="2147479811"/>
            <ac:grpSpMk id="5" creationId="{B5BD9151-B373-4797-8FE6-C57AB70B12EC}"/>
          </ac:grpSpMkLst>
        </pc:grpChg>
      </pc:sldChg>
      <pc:sldChg chg="delSp modSp add del mod">
        <pc:chgData name="Oscar Llorente Gonzalez" userId="e1d48c7f-7de1-49f5-ba88-07a54202ac7d" providerId="ADAL" clId="{5A80F24B-A99F-4C5F-80FB-BB877AB3CE9A}" dt="2024-07-26T12:29:14.453" v="1391" actId="47"/>
        <pc:sldMkLst>
          <pc:docMk/>
          <pc:sldMk cId="3553990078" sldId="2147479812"/>
        </pc:sldMkLst>
        <pc:spChg chg="mod">
          <ac:chgData name="Oscar Llorente Gonzalez" userId="e1d48c7f-7de1-49f5-ba88-07a54202ac7d" providerId="ADAL" clId="{5A80F24B-A99F-4C5F-80FB-BB877AB3CE9A}" dt="2024-07-26T12:23:09.784" v="1015"/>
          <ac:spMkLst>
            <pc:docMk/>
            <pc:sldMk cId="3553990078" sldId="2147479812"/>
            <ac:spMk id="4" creationId="{048DF9BC-FDF5-46E5-9103-EBEE1957CCED}"/>
          </ac:spMkLst>
        </pc:spChg>
        <pc:spChg chg="mod">
          <ac:chgData name="Oscar Llorente Gonzalez" userId="e1d48c7f-7de1-49f5-ba88-07a54202ac7d" providerId="ADAL" clId="{5A80F24B-A99F-4C5F-80FB-BB877AB3CE9A}" dt="2024-07-26T12:23:09.784" v="1017"/>
          <ac:spMkLst>
            <pc:docMk/>
            <pc:sldMk cId="3553990078" sldId="2147479812"/>
            <ac:spMk id="7" creationId="{42AF14EC-84E5-489E-8AC6-33F7F98EB1C1}"/>
          </ac:spMkLst>
        </pc:spChg>
        <pc:spChg chg="del">
          <ac:chgData name="Oscar Llorente Gonzalez" userId="e1d48c7f-7de1-49f5-ba88-07a54202ac7d" providerId="ADAL" clId="{5A80F24B-A99F-4C5F-80FB-BB877AB3CE9A}" dt="2024-07-26T12:29:12.379" v="1390" actId="478"/>
          <ac:spMkLst>
            <pc:docMk/>
            <pc:sldMk cId="3553990078" sldId="2147479812"/>
            <ac:spMk id="13" creationId="{D882E4ED-6199-C24A-B646-1B4C1430FC0F}"/>
          </ac:spMkLst>
        </pc:spChg>
        <pc:grpChg chg="mod">
          <ac:chgData name="Oscar Llorente Gonzalez" userId="e1d48c7f-7de1-49f5-ba88-07a54202ac7d" providerId="ADAL" clId="{5A80F24B-A99F-4C5F-80FB-BB877AB3CE9A}" dt="2024-07-26T12:23:09.784" v="1013"/>
          <ac:grpSpMkLst>
            <pc:docMk/>
            <pc:sldMk cId="3553990078" sldId="2147479812"/>
            <ac:grpSpMk id="9" creationId="{44854E59-276A-4B27-99EB-A9AAB66805B3}"/>
          </ac:grpSpMkLst>
        </pc:grpChg>
      </pc:sldChg>
      <pc:sldChg chg="modSp add del">
        <pc:chgData name="Oscar Llorente Gonzalez" userId="e1d48c7f-7de1-49f5-ba88-07a54202ac7d" providerId="ADAL" clId="{5A80F24B-A99F-4C5F-80FB-BB877AB3CE9A}" dt="2024-07-26T12:29:15.675" v="1392" actId="47"/>
        <pc:sldMkLst>
          <pc:docMk/>
          <pc:sldMk cId="3950853585" sldId="2147479813"/>
        </pc:sldMkLst>
        <pc:spChg chg="mod">
          <ac:chgData name="Oscar Llorente Gonzalez" userId="e1d48c7f-7de1-49f5-ba88-07a54202ac7d" providerId="ADAL" clId="{5A80F24B-A99F-4C5F-80FB-BB877AB3CE9A}" dt="2024-07-26T12:23:15.597" v="1048"/>
          <ac:spMkLst>
            <pc:docMk/>
            <pc:sldMk cId="3950853585" sldId="2147479813"/>
            <ac:spMk id="84" creationId="{91910DC9-BE26-41C4-90B4-45AAF091FCC4}"/>
          </ac:spMkLst>
        </pc:spChg>
        <pc:spChg chg="mod">
          <ac:chgData name="Oscar Llorente Gonzalez" userId="e1d48c7f-7de1-49f5-ba88-07a54202ac7d" providerId="ADAL" clId="{5A80F24B-A99F-4C5F-80FB-BB877AB3CE9A}" dt="2024-07-26T12:23:15.597" v="1050"/>
          <ac:spMkLst>
            <pc:docMk/>
            <pc:sldMk cId="3950853585" sldId="2147479813"/>
            <ac:spMk id="189" creationId="{E3BDA0D2-E80B-4BC4-B647-5AC1FAD4A797}"/>
          </ac:spMkLst>
        </pc:spChg>
        <pc:grpChg chg="mod">
          <ac:chgData name="Oscar Llorente Gonzalez" userId="e1d48c7f-7de1-49f5-ba88-07a54202ac7d" providerId="ADAL" clId="{5A80F24B-A99F-4C5F-80FB-BB877AB3CE9A}" dt="2024-07-26T12:23:15.597" v="1052"/>
          <ac:grpSpMkLst>
            <pc:docMk/>
            <pc:sldMk cId="3950853585" sldId="2147479813"/>
            <ac:grpSpMk id="3" creationId="{42C415E3-9EDD-4AF7-B9E3-DB4D1ED801FC}"/>
          </ac:grpSpMkLst>
        </pc:grpChg>
      </pc:sldChg>
      <pc:sldChg chg="modSp add del">
        <pc:chgData name="Oscar Llorente Gonzalez" userId="e1d48c7f-7de1-49f5-ba88-07a54202ac7d" providerId="ADAL" clId="{5A80F24B-A99F-4C5F-80FB-BB877AB3CE9A}" dt="2024-07-26T12:29:17.107" v="1393" actId="47"/>
        <pc:sldMkLst>
          <pc:docMk/>
          <pc:sldMk cId="4107604320" sldId="2147479814"/>
        </pc:sldMkLst>
        <pc:spChg chg="mod">
          <ac:chgData name="Oscar Llorente Gonzalez" userId="e1d48c7f-7de1-49f5-ba88-07a54202ac7d" providerId="ADAL" clId="{5A80F24B-A99F-4C5F-80FB-BB877AB3CE9A}" dt="2024-07-26T12:23:28.934" v="1083"/>
          <ac:spMkLst>
            <pc:docMk/>
            <pc:sldMk cId="4107604320" sldId="2147479814"/>
            <ac:spMk id="2" creationId="{D7BD6FC9-14F8-4347-ABD4-1892F0E434E3}"/>
          </ac:spMkLst>
        </pc:spChg>
        <pc:grpChg chg="mod">
          <ac:chgData name="Oscar Llorente Gonzalez" userId="e1d48c7f-7de1-49f5-ba88-07a54202ac7d" providerId="ADAL" clId="{5A80F24B-A99F-4C5F-80FB-BB877AB3CE9A}" dt="2024-07-26T12:23:28.934" v="1085"/>
          <ac:grpSpMkLst>
            <pc:docMk/>
            <pc:sldMk cId="4107604320" sldId="2147479814"/>
            <ac:grpSpMk id="4" creationId="{3FD097ED-390F-4CC8-920D-DD531B985E2E}"/>
          </ac:grpSpMkLst>
        </pc:grpChg>
      </pc:sldChg>
      <pc:sldChg chg="modSp add del">
        <pc:chgData name="Oscar Llorente Gonzalez" userId="e1d48c7f-7de1-49f5-ba88-07a54202ac7d" providerId="ADAL" clId="{5A80F24B-A99F-4C5F-80FB-BB877AB3CE9A}" dt="2024-07-26T12:29:18.652" v="1394" actId="47"/>
        <pc:sldMkLst>
          <pc:docMk/>
          <pc:sldMk cId="1769842710" sldId="2147479815"/>
        </pc:sldMkLst>
        <pc:spChg chg="mod">
          <ac:chgData name="Oscar Llorente Gonzalez" userId="e1d48c7f-7de1-49f5-ba88-07a54202ac7d" providerId="ADAL" clId="{5A80F24B-A99F-4C5F-80FB-BB877AB3CE9A}" dt="2024-07-26T12:23:39.521" v="1116"/>
          <ac:spMkLst>
            <pc:docMk/>
            <pc:sldMk cId="1769842710" sldId="2147479815"/>
            <ac:spMk id="4" creationId="{306D82EC-811D-454E-9DFF-2EEC63AD50B4}"/>
          </ac:spMkLst>
        </pc:spChg>
        <pc:spChg chg="mod">
          <ac:chgData name="Oscar Llorente Gonzalez" userId="e1d48c7f-7de1-49f5-ba88-07a54202ac7d" providerId="ADAL" clId="{5A80F24B-A99F-4C5F-80FB-BB877AB3CE9A}" dt="2024-07-26T12:23:39.540" v="1130"/>
          <ac:spMkLst>
            <pc:docMk/>
            <pc:sldMk cId="1769842710" sldId="2147479815"/>
            <ac:spMk id="25" creationId="{AB1D581B-FF7C-41EE-90B0-3B8AB11FB9BF}"/>
          </ac:spMkLst>
        </pc:spChg>
        <pc:grpChg chg="mod">
          <ac:chgData name="Oscar Llorente Gonzalez" userId="e1d48c7f-7de1-49f5-ba88-07a54202ac7d" providerId="ADAL" clId="{5A80F24B-A99F-4C5F-80FB-BB877AB3CE9A}" dt="2024-07-26T12:23:39.532" v="1120"/>
          <ac:grpSpMkLst>
            <pc:docMk/>
            <pc:sldMk cId="1769842710" sldId="2147479815"/>
            <ac:grpSpMk id="7" creationId="{88E854BA-9171-4229-8020-1B81CF4D5EB5}"/>
          </ac:grpSpMkLst>
        </pc:grpChg>
        <pc:grpChg chg="mod">
          <ac:chgData name="Oscar Llorente Gonzalez" userId="e1d48c7f-7de1-49f5-ba88-07a54202ac7d" providerId="ADAL" clId="{5A80F24B-A99F-4C5F-80FB-BB877AB3CE9A}" dt="2024-07-26T12:23:39.540" v="1134"/>
          <ac:grpSpMkLst>
            <pc:docMk/>
            <pc:sldMk cId="1769842710" sldId="2147479815"/>
            <ac:grpSpMk id="29" creationId="{0C28306C-6F46-4BC4-ACEA-316FBEF77448}"/>
          </ac:grpSpMkLst>
        </pc:grpChg>
        <pc:graphicFrameChg chg="mod">
          <ac:chgData name="Oscar Llorente Gonzalez" userId="e1d48c7f-7de1-49f5-ba88-07a54202ac7d" providerId="ADAL" clId="{5A80F24B-A99F-4C5F-80FB-BB877AB3CE9A}" dt="2024-07-26T12:24:02.142" v="1135" actId="21"/>
          <ac:graphicFrameMkLst>
            <pc:docMk/>
            <pc:sldMk cId="1769842710" sldId="2147479815"/>
            <ac:graphicFrameMk id="5" creationId="{BB6E7DEF-BB8C-496E-8031-8C7D7CA51841}"/>
          </ac:graphicFrameMkLst>
        </pc:graphicFrameChg>
        <pc:graphicFrameChg chg="mod">
          <ac:chgData name="Oscar Llorente Gonzalez" userId="e1d48c7f-7de1-49f5-ba88-07a54202ac7d" providerId="ADAL" clId="{5A80F24B-A99F-4C5F-80FB-BB877AB3CE9A}" dt="2024-07-26T12:23:39.540" v="1132"/>
          <ac:graphicFrameMkLst>
            <pc:docMk/>
            <pc:sldMk cId="1769842710" sldId="2147479815"/>
            <ac:graphicFrameMk id="26" creationId="{592B5F9C-D815-48E9-ABD6-BB5D2E184EB9}"/>
          </ac:graphicFrameMkLst>
        </pc:graphicFrameChg>
        <pc:picChg chg="mod">
          <ac:chgData name="Oscar Llorente Gonzalez" userId="e1d48c7f-7de1-49f5-ba88-07a54202ac7d" providerId="ADAL" clId="{5A80F24B-A99F-4C5F-80FB-BB877AB3CE9A}" dt="2024-07-26T12:23:39.532" v="1122"/>
          <ac:picMkLst>
            <pc:docMk/>
            <pc:sldMk cId="1769842710" sldId="2147479815"/>
            <ac:picMk id="14" creationId="{F9061C53-199C-49D3-8B06-6D84273A4785}"/>
          </ac:picMkLst>
        </pc:picChg>
        <pc:picChg chg="mod">
          <ac:chgData name="Oscar Llorente Gonzalez" userId="e1d48c7f-7de1-49f5-ba88-07a54202ac7d" providerId="ADAL" clId="{5A80F24B-A99F-4C5F-80FB-BB877AB3CE9A}" dt="2024-07-26T12:23:39.532" v="1124"/>
          <ac:picMkLst>
            <pc:docMk/>
            <pc:sldMk cId="1769842710" sldId="2147479815"/>
            <ac:picMk id="22" creationId="{3DF0C1B9-291B-4BA0-980C-8344F9FADCD3}"/>
          </ac:picMkLst>
        </pc:picChg>
        <pc:picChg chg="mod">
          <ac:chgData name="Oscar Llorente Gonzalez" userId="e1d48c7f-7de1-49f5-ba88-07a54202ac7d" providerId="ADAL" clId="{5A80F24B-A99F-4C5F-80FB-BB877AB3CE9A}" dt="2024-07-26T12:23:39.532" v="1126"/>
          <ac:picMkLst>
            <pc:docMk/>
            <pc:sldMk cId="1769842710" sldId="2147479815"/>
            <ac:picMk id="23" creationId="{ED2AF008-6448-4D52-9A53-3F84E0B97908}"/>
          </ac:picMkLst>
        </pc:picChg>
        <pc:picChg chg="mod">
          <ac:chgData name="Oscar Llorente Gonzalez" userId="e1d48c7f-7de1-49f5-ba88-07a54202ac7d" providerId="ADAL" clId="{5A80F24B-A99F-4C5F-80FB-BB877AB3CE9A}" dt="2024-07-26T12:23:39.540" v="1128"/>
          <ac:picMkLst>
            <pc:docMk/>
            <pc:sldMk cId="1769842710" sldId="2147479815"/>
            <ac:picMk id="24" creationId="{FD713952-DF00-42B0-BA21-541EB199E0B0}"/>
          </ac:picMkLst>
        </pc:picChg>
      </pc:sldChg>
      <pc:sldChg chg="modSp add del">
        <pc:chgData name="Oscar Llorente Gonzalez" userId="e1d48c7f-7de1-49f5-ba88-07a54202ac7d" providerId="ADAL" clId="{5A80F24B-A99F-4C5F-80FB-BB877AB3CE9A}" dt="2024-07-26T12:29:19.861" v="1395" actId="47"/>
        <pc:sldMkLst>
          <pc:docMk/>
          <pc:sldMk cId="443693477" sldId="2147479816"/>
        </pc:sldMkLst>
        <pc:spChg chg="mod">
          <ac:chgData name="Oscar Llorente Gonzalez" userId="e1d48c7f-7de1-49f5-ba88-07a54202ac7d" providerId="ADAL" clId="{5A80F24B-A99F-4C5F-80FB-BB877AB3CE9A}" dt="2024-07-26T12:24:10.828" v="1166"/>
          <ac:spMkLst>
            <pc:docMk/>
            <pc:sldMk cId="443693477" sldId="2147479816"/>
            <ac:spMk id="2" creationId="{A06C4478-5383-482B-A72D-07C12BF3E075}"/>
          </ac:spMkLst>
        </pc:spChg>
        <pc:grpChg chg="mod">
          <ac:chgData name="Oscar Llorente Gonzalez" userId="e1d48c7f-7de1-49f5-ba88-07a54202ac7d" providerId="ADAL" clId="{5A80F24B-A99F-4C5F-80FB-BB877AB3CE9A}" dt="2024-07-26T12:24:10.828" v="1168"/>
          <ac:grpSpMkLst>
            <pc:docMk/>
            <pc:sldMk cId="443693477" sldId="2147479816"/>
            <ac:grpSpMk id="3" creationId="{59802E3D-06A2-4D05-BCDF-B7233D089660}"/>
          </ac:grpSpMkLst>
        </pc:grpChg>
      </pc:sldChg>
      <pc:sldChg chg="modSp add del mod">
        <pc:chgData name="Oscar Llorente Gonzalez" userId="e1d48c7f-7de1-49f5-ba88-07a54202ac7d" providerId="ADAL" clId="{5A80F24B-A99F-4C5F-80FB-BB877AB3CE9A}" dt="2024-07-26T12:29:21.266" v="1396" actId="47"/>
        <pc:sldMkLst>
          <pc:docMk/>
          <pc:sldMk cId="3636114367" sldId="2147479817"/>
        </pc:sldMkLst>
        <pc:spChg chg="mod">
          <ac:chgData name="Oscar Llorente Gonzalez" userId="e1d48c7f-7de1-49f5-ba88-07a54202ac7d" providerId="ADAL" clId="{5A80F24B-A99F-4C5F-80FB-BB877AB3CE9A}" dt="2024-07-26T12:24:27.594" v="1199"/>
          <ac:spMkLst>
            <pc:docMk/>
            <pc:sldMk cId="3636114367" sldId="2147479817"/>
            <ac:spMk id="2" creationId="{5A1F5449-A5D7-47E6-8573-29D9948FEDBE}"/>
          </ac:spMkLst>
        </pc:spChg>
        <pc:grpChg chg="mod">
          <ac:chgData name="Oscar Llorente Gonzalez" userId="e1d48c7f-7de1-49f5-ba88-07a54202ac7d" providerId="ADAL" clId="{5A80F24B-A99F-4C5F-80FB-BB877AB3CE9A}" dt="2024-07-26T12:24:27.603" v="1204"/>
          <ac:grpSpMkLst>
            <pc:docMk/>
            <pc:sldMk cId="3636114367" sldId="2147479817"/>
            <ac:grpSpMk id="13" creationId="{38EAA2D8-3565-4660-B67F-BE3652D0DA12}"/>
          </ac:grpSpMkLst>
        </pc:grpChg>
        <pc:picChg chg="mod modCrop">
          <ac:chgData name="Oscar Llorente Gonzalez" userId="e1d48c7f-7de1-49f5-ba88-07a54202ac7d" providerId="ADAL" clId="{5A80F24B-A99F-4C5F-80FB-BB877AB3CE9A}" dt="2024-07-26T12:24:27.603" v="1202"/>
          <ac:picMkLst>
            <pc:docMk/>
            <pc:sldMk cId="3636114367" sldId="2147479817"/>
            <ac:picMk id="14" creationId="{366833F5-F11D-4C28-928D-15381A068D1A}"/>
          </ac:picMkLst>
        </pc:picChg>
      </pc:sldChg>
      <pc:sldChg chg="add del">
        <pc:chgData name="Oscar Llorente Gonzalez" userId="e1d48c7f-7de1-49f5-ba88-07a54202ac7d" providerId="ADAL" clId="{5A80F24B-A99F-4C5F-80FB-BB877AB3CE9A}" dt="2024-07-26T12:27:52.129" v="1309" actId="47"/>
        <pc:sldMkLst>
          <pc:docMk/>
          <pc:sldMk cId="1323575805" sldId="2147479818"/>
        </pc:sldMkLst>
      </pc:sldChg>
      <pc:sldChg chg="modSp add mod">
        <pc:chgData name="Oscar Llorente Gonzalez" userId="e1d48c7f-7de1-49f5-ba88-07a54202ac7d" providerId="ADAL" clId="{5A80F24B-A99F-4C5F-80FB-BB877AB3CE9A}" dt="2024-07-26T12:35:13.311" v="1915" actId="20577"/>
        <pc:sldMkLst>
          <pc:docMk/>
          <pc:sldMk cId="1340164199" sldId="2147479819"/>
        </pc:sldMkLst>
        <pc:spChg chg="mod">
          <ac:chgData name="Oscar Llorente Gonzalez" userId="e1d48c7f-7de1-49f5-ba88-07a54202ac7d" providerId="ADAL" clId="{5A80F24B-A99F-4C5F-80FB-BB877AB3CE9A}" dt="2024-07-26T12:27:49.932" v="1308" actId="20577"/>
          <ac:spMkLst>
            <pc:docMk/>
            <pc:sldMk cId="1340164199" sldId="2147479819"/>
            <ac:spMk id="4" creationId="{00000000-0000-0000-0000-000000000000}"/>
          </ac:spMkLst>
        </pc:spChg>
        <pc:spChg chg="mod">
          <ac:chgData name="Oscar Llorente Gonzalez" userId="e1d48c7f-7de1-49f5-ba88-07a54202ac7d" providerId="ADAL" clId="{5A80F24B-A99F-4C5F-80FB-BB877AB3CE9A}" dt="2024-07-26T12:32:32.831" v="1837" actId="20577"/>
          <ac:spMkLst>
            <pc:docMk/>
            <pc:sldMk cId="1340164199" sldId="2147479819"/>
            <ac:spMk id="16" creationId="{224DDFD8-F4B0-4FC3-8435-029D1C66B81E}"/>
          </ac:spMkLst>
        </pc:spChg>
        <pc:spChg chg="mod">
          <ac:chgData name="Oscar Llorente Gonzalez" userId="e1d48c7f-7de1-49f5-ba88-07a54202ac7d" providerId="ADAL" clId="{5A80F24B-A99F-4C5F-80FB-BB877AB3CE9A}" dt="2024-07-26T12:31:13.256" v="1684" actId="20577"/>
          <ac:spMkLst>
            <pc:docMk/>
            <pc:sldMk cId="1340164199" sldId="2147479819"/>
            <ac:spMk id="18" creationId="{259B36BC-1CDE-44B1-8107-31FFE2C728C6}"/>
          </ac:spMkLst>
        </pc:spChg>
        <pc:spChg chg="mod">
          <ac:chgData name="Oscar Llorente Gonzalez" userId="e1d48c7f-7de1-49f5-ba88-07a54202ac7d" providerId="ADAL" clId="{5A80F24B-A99F-4C5F-80FB-BB877AB3CE9A}" dt="2024-07-26T12:31:21.112" v="1694" actId="20577"/>
          <ac:spMkLst>
            <pc:docMk/>
            <pc:sldMk cId="1340164199" sldId="2147479819"/>
            <ac:spMk id="19" creationId="{52E0B277-0B7B-4D98-B9A0-A9C243DB0378}"/>
          </ac:spMkLst>
        </pc:spChg>
        <pc:spChg chg="mod">
          <ac:chgData name="Oscar Llorente Gonzalez" userId="e1d48c7f-7de1-49f5-ba88-07a54202ac7d" providerId="ADAL" clId="{5A80F24B-A99F-4C5F-80FB-BB877AB3CE9A}" dt="2024-07-26T12:35:13.311" v="1915" actId="20577"/>
          <ac:spMkLst>
            <pc:docMk/>
            <pc:sldMk cId="1340164199" sldId="2147479819"/>
            <ac:spMk id="21" creationId="{723B3E69-8CB4-4AE1-B94F-3B7B9976EF4F}"/>
          </ac:spMkLst>
        </pc:spChg>
        <pc:spChg chg="mod">
          <ac:chgData name="Oscar Llorente Gonzalez" userId="e1d48c7f-7de1-49f5-ba88-07a54202ac7d" providerId="ADAL" clId="{5A80F24B-A99F-4C5F-80FB-BB877AB3CE9A}" dt="2024-07-26T12:33:12.892" v="1888" actId="6549"/>
          <ac:spMkLst>
            <pc:docMk/>
            <pc:sldMk cId="1340164199" sldId="2147479819"/>
            <ac:spMk id="33" creationId="{2148C60D-F12B-42C7-8AAD-B30814B3C8B2}"/>
          </ac:spMkLst>
        </pc:spChg>
      </pc:sldChg>
      <pc:sldChg chg="addSp modSp new mod">
        <pc:chgData name="Oscar Llorente Gonzalez" userId="e1d48c7f-7de1-49f5-ba88-07a54202ac7d" providerId="ADAL" clId="{5A80F24B-A99F-4C5F-80FB-BB877AB3CE9A}" dt="2024-07-26T12:46:02.499" v="2014" actId="1076"/>
        <pc:sldMkLst>
          <pc:docMk/>
          <pc:sldMk cId="3416463214" sldId="2147479820"/>
        </pc:sldMkLst>
        <pc:spChg chg="mod">
          <ac:chgData name="Oscar Llorente Gonzalez" userId="e1d48c7f-7de1-49f5-ba88-07a54202ac7d" providerId="ADAL" clId="{5A80F24B-A99F-4C5F-80FB-BB877AB3CE9A}" dt="2024-07-26T12:41:02.711" v="2011" actId="14100"/>
          <ac:spMkLst>
            <pc:docMk/>
            <pc:sldMk cId="3416463214" sldId="2147479820"/>
            <ac:spMk id="2" creationId="{AC119190-5427-B63E-810D-5A9C88F10772}"/>
          </ac:spMkLst>
        </pc:spChg>
        <pc:picChg chg="add mod">
          <ac:chgData name="Oscar Llorente Gonzalez" userId="e1d48c7f-7de1-49f5-ba88-07a54202ac7d" providerId="ADAL" clId="{5A80F24B-A99F-4C5F-80FB-BB877AB3CE9A}" dt="2024-07-26T12:46:02.499" v="2014" actId="1076"/>
          <ac:picMkLst>
            <pc:docMk/>
            <pc:sldMk cId="3416463214" sldId="2147479820"/>
            <ac:picMk id="4" creationId="{E6EAA0B1-6F8A-13D5-7DAD-652DC8FD5786}"/>
          </ac:picMkLst>
        </pc:picChg>
      </pc:sldChg>
      <pc:sldChg chg="modSp add del mod">
        <pc:chgData name="Oscar Llorente Gonzalez" userId="e1d48c7f-7de1-49f5-ba88-07a54202ac7d" providerId="ADAL" clId="{5A80F24B-A99F-4C5F-80FB-BB877AB3CE9A}" dt="2024-07-26T12:30:00.411" v="1628" actId="47"/>
        <pc:sldMkLst>
          <pc:docMk/>
          <pc:sldMk cId="3502701790" sldId="2147479820"/>
        </pc:sldMkLst>
        <pc:spChg chg="mod">
          <ac:chgData name="Oscar Llorente Gonzalez" userId="e1d48c7f-7de1-49f5-ba88-07a54202ac7d" providerId="ADAL" clId="{5A80F24B-A99F-4C5F-80FB-BB877AB3CE9A}" dt="2024-07-26T12:29:29.925" v="1430"/>
          <ac:spMkLst>
            <pc:docMk/>
            <pc:sldMk cId="3502701790" sldId="2147479820"/>
            <ac:spMk id="3" creationId="{B9153E5B-0313-48A1-9C75-4D0481804FB1}"/>
          </ac:spMkLst>
        </pc:spChg>
        <pc:spChg chg="mod">
          <ac:chgData name="Oscar Llorente Gonzalez" userId="e1d48c7f-7de1-49f5-ba88-07a54202ac7d" providerId="ADAL" clId="{5A80F24B-A99F-4C5F-80FB-BB877AB3CE9A}" dt="2024-07-26T12:29:29.925" v="1432"/>
          <ac:spMkLst>
            <pc:docMk/>
            <pc:sldMk cId="3502701790" sldId="2147479820"/>
            <ac:spMk id="13" creationId="{37C437A5-3D0C-4C47-A0BB-DB433CD19B27}"/>
          </ac:spMkLst>
        </pc:spChg>
        <pc:spChg chg="mod">
          <ac:chgData name="Oscar Llorente Gonzalez" userId="e1d48c7f-7de1-49f5-ba88-07a54202ac7d" providerId="ADAL" clId="{5A80F24B-A99F-4C5F-80FB-BB877AB3CE9A}" dt="2024-07-26T12:29:29.925" v="1434"/>
          <ac:spMkLst>
            <pc:docMk/>
            <pc:sldMk cId="3502701790" sldId="2147479820"/>
            <ac:spMk id="15" creationId="{C30A4E91-C66D-46CF-8AA7-90B783D62382}"/>
          </ac:spMkLst>
        </pc:spChg>
        <pc:spChg chg="mod">
          <ac:chgData name="Oscar Llorente Gonzalez" userId="e1d48c7f-7de1-49f5-ba88-07a54202ac7d" providerId="ADAL" clId="{5A80F24B-A99F-4C5F-80FB-BB877AB3CE9A}" dt="2024-07-26T12:29:29.925" v="1436"/>
          <ac:spMkLst>
            <pc:docMk/>
            <pc:sldMk cId="3502701790" sldId="2147479820"/>
            <ac:spMk id="17" creationId="{26149A86-B4DB-4485-9340-1E7F22012129}"/>
          </ac:spMkLst>
        </pc:spChg>
        <pc:spChg chg="mod">
          <ac:chgData name="Oscar Llorente Gonzalez" userId="e1d48c7f-7de1-49f5-ba88-07a54202ac7d" providerId="ADAL" clId="{5A80F24B-A99F-4C5F-80FB-BB877AB3CE9A}" dt="2024-07-26T12:29:29.925" v="1438"/>
          <ac:spMkLst>
            <pc:docMk/>
            <pc:sldMk cId="3502701790" sldId="2147479820"/>
            <ac:spMk id="18" creationId="{8A650237-7CDC-4687-B349-E57671EB4A6B}"/>
          </ac:spMkLst>
        </pc:spChg>
        <pc:grpChg chg="mod">
          <ac:chgData name="Oscar Llorente Gonzalez" userId="e1d48c7f-7de1-49f5-ba88-07a54202ac7d" providerId="ADAL" clId="{5A80F24B-A99F-4C5F-80FB-BB877AB3CE9A}" dt="2024-07-26T12:29:29.925" v="1440"/>
          <ac:grpSpMkLst>
            <pc:docMk/>
            <pc:sldMk cId="3502701790" sldId="2147479820"/>
            <ac:grpSpMk id="2" creationId="{79815511-CA0F-48A3-9E63-46CF92E53E50}"/>
          </ac:grpSpMkLst>
        </pc:grpChg>
        <pc:picChg chg="mod modCrop">
          <ac:chgData name="Oscar Llorente Gonzalez" userId="e1d48c7f-7de1-49f5-ba88-07a54202ac7d" providerId="ADAL" clId="{5A80F24B-A99F-4C5F-80FB-BB877AB3CE9A}" dt="2024-07-26T12:29:29.925" v="1428"/>
          <ac:picMkLst>
            <pc:docMk/>
            <pc:sldMk cId="3502701790" sldId="2147479820"/>
            <ac:picMk id="14" creationId="{00000000-0000-0000-0000-000000000000}"/>
          </ac:picMkLst>
        </pc:picChg>
      </pc:sldChg>
      <pc:sldChg chg="modSp add del">
        <pc:chgData name="Oscar Llorente Gonzalez" userId="e1d48c7f-7de1-49f5-ba88-07a54202ac7d" providerId="ADAL" clId="{5A80F24B-A99F-4C5F-80FB-BB877AB3CE9A}" dt="2024-07-26T12:28:46.801" v="1388" actId="47"/>
        <pc:sldMkLst>
          <pc:docMk/>
          <pc:sldMk cId="3703526171" sldId="2147479820"/>
        </pc:sldMkLst>
        <pc:spChg chg="mod">
          <ac:chgData name="Oscar Llorente Gonzalez" userId="e1d48c7f-7de1-49f5-ba88-07a54202ac7d" providerId="ADAL" clId="{5A80F24B-A99F-4C5F-80FB-BB877AB3CE9A}" dt="2024-07-26T12:28:43.077" v="1387"/>
          <ac:spMkLst>
            <pc:docMk/>
            <pc:sldMk cId="3703526171" sldId="2147479820"/>
            <ac:spMk id="2" creationId="{00000000-0000-0000-0000-000000000000}"/>
          </ac:spMkLst>
        </pc:spChg>
        <pc:spChg chg="mod">
          <ac:chgData name="Oscar Llorente Gonzalez" userId="e1d48c7f-7de1-49f5-ba88-07a54202ac7d" providerId="ADAL" clId="{5A80F24B-A99F-4C5F-80FB-BB877AB3CE9A}" dt="2024-07-26T12:28:43.077" v="1369"/>
          <ac:spMkLst>
            <pc:docMk/>
            <pc:sldMk cId="3703526171" sldId="2147479820"/>
            <ac:spMk id="15363" creationId="{00000000-0000-0000-0000-000000000000}"/>
          </ac:spMkLst>
        </pc:spChg>
        <pc:spChg chg="mod">
          <ac:chgData name="Oscar Llorente Gonzalez" userId="e1d48c7f-7de1-49f5-ba88-07a54202ac7d" providerId="ADAL" clId="{5A80F24B-A99F-4C5F-80FB-BB877AB3CE9A}" dt="2024-07-26T12:28:43.077" v="1371"/>
          <ac:spMkLst>
            <pc:docMk/>
            <pc:sldMk cId="3703526171" sldId="2147479820"/>
            <ac:spMk id="15364" creationId="{00000000-0000-0000-0000-000000000000}"/>
          </ac:spMkLst>
        </pc:spChg>
        <pc:spChg chg="mod">
          <ac:chgData name="Oscar Llorente Gonzalez" userId="e1d48c7f-7de1-49f5-ba88-07a54202ac7d" providerId="ADAL" clId="{5A80F24B-A99F-4C5F-80FB-BB877AB3CE9A}" dt="2024-07-26T12:28:43.077" v="1373"/>
          <ac:spMkLst>
            <pc:docMk/>
            <pc:sldMk cId="3703526171" sldId="2147479820"/>
            <ac:spMk id="15365" creationId="{00000000-0000-0000-0000-000000000000}"/>
          </ac:spMkLst>
        </pc:spChg>
        <pc:spChg chg="mod">
          <ac:chgData name="Oscar Llorente Gonzalez" userId="e1d48c7f-7de1-49f5-ba88-07a54202ac7d" providerId="ADAL" clId="{5A80F24B-A99F-4C5F-80FB-BB877AB3CE9A}" dt="2024-07-26T12:28:43.077" v="1375"/>
          <ac:spMkLst>
            <pc:docMk/>
            <pc:sldMk cId="3703526171" sldId="2147479820"/>
            <ac:spMk id="15366" creationId="{00000000-0000-0000-0000-000000000000}"/>
          </ac:spMkLst>
        </pc:spChg>
        <pc:spChg chg="mod">
          <ac:chgData name="Oscar Llorente Gonzalez" userId="e1d48c7f-7de1-49f5-ba88-07a54202ac7d" providerId="ADAL" clId="{5A80F24B-A99F-4C5F-80FB-BB877AB3CE9A}" dt="2024-07-26T12:28:43.077" v="1377"/>
          <ac:spMkLst>
            <pc:docMk/>
            <pc:sldMk cId="3703526171" sldId="2147479820"/>
            <ac:spMk id="15367" creationId="{00000000-0000-0000-0000-000000000000}"/>
          </ac:spMkLst>
        </pc:spChg>
        <pc:spChg chg="mod">
          <ac:chgData name="Oscar Llorente Gonzalez" userId="e1d48c7f-7de1-49f5-ba88-07a54202ac7d" providerId="ADAL" clId="{5A80F24B-A99F-4C5F-80FB-BB877AB3CE9A}" dt="2024-07-26T12:28:43.077" v="1379"/>
          <ac:spMkLst>
            <pc:docMk/>
            <pc:sldMk cId="3703526171" sldId="2147479820"/>
            <ac:spMk id="15368" creationId="{00000000-0000-0000-0000-000000000000}"/>
          </ac:spMkLst>
        </pc:spChg>
        <pc:spChg chg="mod">
          <ac:chgData name="Oscar Llorente Gonzalez" userId="e1d48c7f-7de1-49f5-ba88-07a54202ac7d" providerId="ADAL" clId="{5A80F24B-A99F-4C5F-80FB-BB877AB3CE9A}" dt="2024-07-26T12:28:43.077" v="1381"/>
          <ac:spMkLst>
            <pc:docMk/>
            <pc:sldMk cId="3703526171" sldId="2147479820"/>
            <ac:spMk id="15369" creationId="{00000000-0000-0000-0000-000000000000}"/>
          </ac:spMkLst>
        </pc:spChg>
        <pc:spChg chg="mod">
          <ac:chgData name="Oscar Llorente Gonzalez" userId="e1d48c7f-7de1-49f5-ba88-07a54202ac7d" providerId="ADAL" clId="{5A80F24B-A99F-4C5F-80FB-BB877AB3CE9A}" dt="2024-07-26T12:28:43.077" v="1383"/>
          <ac:spMkLst>
            <pc:docMk/>
            <pc:sldMk cId="3703526171" sldId="2147479820"/>
            <ac:spMk id="15370" creationId="{00000000-0000-0000-0000-000000000000}"/>
          </ac:spMkLst>
        </pc:spChg>
        <pc:spChg chg="mod">
          <ac:chgData name="Oscar Llorente Gonzalez" userId="e1d48c7f-7de1-49f5-ba88-07a54202ac7d" providerId="ADAL" clId="{5A80F24B-A99F-4C5F-80FB-BB877AB3CE9A}" dt="2024-07-26T12:28:43.077" v="1385"/>
          <ac:spMkLst>
            <pc:docMk/>
            <pc:sldMk cId="3703526171" sldId="2147479820"/>
            <ac:spMk id="15371" creationId="{00000000-0000-0000-0000-000000000000}"/>
          </ac:spMkLst>
        </pc:spChg>
      </pc:sldChg>
      <pc:sldChg chg="modSp add del mod">
        <pc:chgData name="Oscar Llorente Gonzalez" userId="e1d48c7f-7de1-49f5-ba88-07a54202ac7d" providerId="ADAL" clId="{5A80F24B-A99F-4C5F-80FB-BB877AB3CE9A}" dt="2024-07-26T12:30:00.657" v="1629" actId="47"/>
        <pc:sldMkLst>
          <pc:docMk/>
          <pc:sldMk cId="1329154011" sldId="2147479821"/>
        </pc:sldMkLst>
        <pc:spChg chg="mod">
          <ac:chgData name="Oscar Llorente Gonzalez" userId="e1d48c7f-7de1-49f5-ba88-07a54202ac7d" providerId="ADAL" clId="{5A80F24B-A99F-4C5F-80FB-BB877AB3CE9A}" dt="2024-07-26T12:29:35.203" v="1474"/>
          <ac:spMkLst>
            <pc:docMk/>
            <pc:sldMk cId="1329154011" sldId="2147479821"/>
            <ac:spMk id="2" creationId="{E26138F5-C4DE-4C30-AEDB-1EDE0482F2FE}"/>
          </ac:spMkLst>
        </pc:spChg>
        <pc:spChg chg="mod">
          <ac:chgData name="Oscar Llorente Gonzalez" userId="e1d48c7f-7de1-49f5-ba88-07a54202ac7d" providerId="ADAL" clId="{5A80F24B-A99F-4C5F-80FB-BB877AB3CE9A}" dt="2024-07-26T12:29:35.203" v="1476"/>
          <ac:spMkLst>
            <pc:docMk/>
            <pc:sldMk cId="1329154011" sldId="2147479821"/>
            <ac:spMk id="4" creationId="{B5C50B58-CDFD-4154-9F48-3B2D343248EA}"/>
          </ac:spMkLst>
        </pc:spChg>
        <pc:spChg chg="mod">
          <ac:chgData name="Oscar Llorente Gonzalez" userId="e1d48c7f-7de1-49f5-ba88-07a54202ac7d" providerId="ADAL" clId="{5A80F24B-A99F-4C5F-80FB-BB877AB3CE9A}" dt="2024-07-26T12:29:35.203" v="1478"/>
          <ac:spMkLst>
            <pc:docMk/>
            <pc:sldMk cId="1329154011" sldId="2147479821"/>
            <ac:spMk id="5" creationId="{1DC51A7C-9841-4661-8A93-50B476DCC097}"/>
          </ac:spMkLst>
        </pc:spChg>
        <pc:spChg chg="mod">
          <ac:chgData name="Oscar Llorente Gonzalez" userId="e1d48c7f-7de1-49f5-ba88-07a54202ac7d" providerId="ADAL" clId="{5A80F24B-A99F-4C5F-80FB-BB877AB3CE9A}" dt="2024-07-26T12:29:35.203" v="1480"/>
          <ac:spMkLst>
            <pc:docMk/>
            <pc:sldMk cId="1329154011" sldId="2147479821"/>
            <ac:spMk id="6" creationId="{6F289DD3-FD35-4758-A3FF-A48654478F99}"/>
          </ac:spMkLst>
        </pc:spChg>
        <pc:grpChg chg="mod">
          <ac:chgData name="Oscar Llorente Gonzalez" userId="e1d48c7f-7de1-49f5-ba88-07a54202ac7d" providerId="ADAL" clId="{5A80F24B-A99F-4C5F-80FB-BB877AB3CE9A}" dt="2024-07-26T12:29:35.203" v="1482"/>
          <ac:grpSpMkLst>
            <pc:docMk/>
            <pc:sldMk cId="1329154011" sldId="2147479821"/>
            <ac:grpSpMk id="3" creationId="{BF1657AE-4625-453F-BF46-6ACCC204DE2B}"/>
          </ac:grpSpMkLst>
        </pc:grpChg>
        <pc:picChg chg="mod modCrop">
          <ac:chgData name="Oscar Llorente Gonzalez" userId="e1d48c7f-7de1-49f5-ba88-07a54202ac7d" providerId="ADAL" clId="{5A80F24B-A99F-4C5F-80FB-BB877AB3CE9A}" dt="2024-07-26T12:29:35.203" v="1472"/>
          <ac:picMkLst>
            <pc:docMk/>
            <pc:sldMk cId="1329154011" sldId="2147479821"/>
            <ac:picMk id="8" creationId="{63C63C4A-7B76-44EE-9DF7-E7390B825D9D}"/>
          </ac:picMkLst>
        </pc:picChg>
      </pc:sldChg>
      <pc:sldChg chg="modSp new del mod">
        <pc:chgData name="Oscar Llorente Gonzalez" userId="e1d48c7f-7de1-49f5-ba88-07a54202ac7d" providerId="ADAL" clId="{5A80F24B-A99F-4C5F-80FB-BB877AB3CE9A}" dt="2024-07-26T12:51:48.485" v="2405" actId="47"/>
        <pc:sldMkLst>
          <pc:docMk/>
          <pc:sldMk cId="2779079743" sldId="2147479821"/>
        </pc:sldMkLst>
        <pc:spChg chg="mod">
          <ac:chgData name="Oscar Llorente Gonzalez" userId="e1d48c7f-7de1-49f5-ba88-07a54202ac7d" providerId="ADAL" clId="{5A80F24B-A99F-4C5F-80FB-BB877AB3CE9A}" dt="2024-07-26T12:47:46.010" v="2023" actId="20577"/>
          <ac:spMkLst>
            <pc:docMk/>
            <pc:sldMk cId="2779079743" sldId="2147479821"/>
            <ac:spMk id="2" creationId="{3FB9DCF8-68B6-869B-7F86-A41C5FE5FCEB}"/>
          </ac:spMkLst>
        </pc:spChg>
      </pc:sldChg>
      <pc:sldChg chg="addSp delSp modSp new mod modClrScheme chgLayout">
        <pc:chgData name="Oscar Llorente Gonzalez" userId="e1d48c7f-7de1-49f5-ba88-07a54202ac7d" providerId="ADAL" clId="{5A80F24B-A99F-4C5F-80FB-BB877AB3CE9A}" dt="2024-07-26T12:52:03.767" v="2412" actId="20577"/>
        <pc:sldMkLst>
          <pc:docMk/>
          <pc:sldMk cId="1646425188" sldId="2147479822"/>
        </pc:sldMkLst>
        <pc:spChg chg="mod">
          <ac:chgData name="Oscar Llorente Gonzalez" userId="e1d48c7f-7de1-49f5-ba88-07a54202ac7d" providerId="ADAL" clId="{5A80F24B-A99F-4C5F-80FB-BB877AB3CE9A}" dt="2024-07-26T12:51:17.955" v="2366" actId="20577"/>
          <ac:spMkLst>
            <pc:docMk/>
            <pc:sldMk cId="1646425188" sldId="2147479822"/>
            <ac:spMk id="2" creationId="{4537B858-EF20-185F-CA37-675B9493AAE1}"/>
          </ac:spMkLst>
        </pc:spChg>
        <pc:spChg chg="add del mod">
          <ac:chgData name="Oscar Llorente Gonzalez" userId="e1d48c7f-7de1-49f5-ba88-07a54202ac7d" providerId="ADAL" clId="{5A80F24B-A99F-4C5F-80FB-BB877AB3CE9A}" dt="2024-07-26T12:50:22.861" v="2327" actId="26606"/>
          <ac:spMkLst>
            <pc:docMk/>
            <pc:sldMk cId="1646425188" sldId="2147479822"/>
            <ac:spMk id="7" creationId="{9E8931EF-CAE5-C5FA-31F8-B16C7571E303}"/>
          </ac:spMkLst>
        </pc:spChg>
        <pc:spChg chg="add del mod">
          <ac:chgData name="Oscar Llorente Gonzalez" userId="e1d48c7f-7de1-49f5-ba88-07a54202ac7d" providerId="ADAL" clId="{5A80F24B-A99F-4C5F-80FB-BB877AB3CE9A}" dt="2024-07-26T12:50:30.429" v="2328" actId="26606"/>
          <ac:spMkLst>
            <pc:docMk/>
            <pc:sldMk cId="1646425188" sldId="2147479822"/>
            <ac:spMk id="13" creationId="{AD60CDF6-E6A0-D11C-B3AB-4613F8DA8769}"/>
          </ac:spMkLst>
        </pc:spChg>
        <pc:graphicFrameChg chg="add mod modGraphic">
          <ac:chgData name="Oscar Llorente Gonzalez" userId="e1d48c7f-7de1-49f5-ba88-07a54202ac7d" providerId="ADAL" clId="{5A80F24B-A99F-4C5F-80FB-BB877AB3CE9A}" dt="2024-07-26T12:52:03.767" v="2412" actId="20577"/>
          <ac:graphicFrameMkLst>
            <pc:docMk/>
            <pc:sldMk cId="1646425188" sldId="2147479822"/>
            <ac:graphicFrameMk id="9" creationId="{4426EE00-0E30-800C-ACC7-F2162A0D566E}"/>
          </ac:graphicFrameMkLst>
        </pc:graphicFrameChg>
      </pc:sldChg>
      <pc:sldChg chg="modSp add del mod">
        <pc:chgData name="Oscar Llorente Gonzalez" userId="e1d48c7f-7de1-49f5-ba88-07a54202ac7d" providerId="ADAL" clId="{5A80F24B-A99F-4C5F-80FB-BB877AB3CE9A}" dt="2024-07-26T12:30:01.149" v="1630" actId="47"/>
        <pc:sldMkLst>
          <pc:docMk/>
          <pc:sldMk cId="2428114657" sldId="2147479822"/>
        </pc:sldMkLst>
        <pc:grpChg chg="mod">
          <ac:chgData name="Oscar Llorente Gonzalez" userId="e1d48c7f-7de1-49f5-ba88-07a54202ac7d" providerId="ADAL" clId="{5A80F24B-A99F-4C5F-80FB-BB877AB3CE9A}" dt="2024-07-26T12:29:37.526" v="1520"/>
          <ac:grpSpMkLst>
            <pc:docMk/>
            <pc:sldMk cId="2428114657" sldId="2147479822"/>
            <ac:grpSpMk id="10" creationId="{8E2E57A7-0575-4DBF-90C7-E2FFCA66BE69}"/>
          </ac:grpSpMkLst>
        </pc:grpChg>
        <pc:grpChg chg="mod">
          <ac:chgData name="Oscar Llorente Gonzalez" userId="e1d48c7f-7de1-49f5-ba88-07a54202ac7d" providerId="ADAL" clId="{5A80F24B-A99F-4C5F-80FB-BB877AB3CE9A}" dt="2024-07-26T12:29:37.526" v="1518"/>
          <ac:grpSpMkLst>
            <pc:docMk/>
            <pc:sldMk cId="2428114657" sldId="2147479822"/>
            <ac:grpSpMk id="11" creationId="{90B3BE95-2654-457C-AD1C-EAE90F0606A0}"/>
          </ac:grpSpMkLst>
        </pc:grpChg>
        <pc:picChg chg="mod modCrop">
          <ac:chgData name="Oscar Llorente Gonzalez" userId="e1d48c7f-7de1-49f5-ba88-07a54202ac7d" providerId="ADAL" clId="{5A80F24B-A99F-4C5F-80FB-BB877AB3CE9A}" dt="2024-07-26T12:29:37.526" v="1514"/>
          <ac:picMkLst>
            <pc:docMk/>
            <pc:sldMk cId="2428114657" sldId="2147479822"/>
            <ac:picMk id="6" creationId="{3FD59509-82D8-4B6D-8867-8A85B2A89164}"/>
          </ac:picMkLst>
        </pc:picChg>
        <pc:picChg chg="mod">
          <ac:chgData name="Oscar Llorente Gonzalez" userId="e1d48c7f-7de1-49f5-ba88-07a54202ac7d" providerId="ADAL" clId="{5A80F24B-A99F-4C5F-80FB-BB877AB3CE9A}" dt="2024-07-26T12:29:37.526" v="1516"/>
          <ac:picMkLst>
            <pc:docMk/>
            <pc:sldMk cId="2428114657" sldId="2147479822"/>
            <ac:picMk id="26" creationId="{5B83CE1A-F55A-4B73-ACC7-8DFB23BD88E7}"/>
          </ac:picMkLst>
        </pc:picChg>
      </pc:sldChg>
      <pc:sldChg chg="modSp add del mod">
        <pc:chgData name="Oscar Llorente Gonzalez" userId="e1d48c7f-7de1-49f5-ba88-07a54202ac7d" providerId="ADAL" clId="{5A80F24B-A99F-4C5F-80FB-BB877AB3CE9A}" dt="2024-07-26T12:30:01.699" v="1631" actId="47"/>
        <pc:sldMkLst>
          <pc:docMk/>
          <pc:sldMk cId="4271123924" sldId="2147479823"/>
        </pc:sldMkLst>
        <pc:spChg chg="mod">
          <ac:chgData name="Oscar Llorente Gonzalez" userId="e1d48c7f-7de1-49f5-ba88-07a54202ac7d" providerId="ADAL" clId="{5A80F24B-A99F-4C5F-80FB-BB877AB3CE9A}" dt="2024-07-26T12:29:42.273" v="1564"/>
          <ac:spMkLst>
            <pc:docMk/>
            <pc:sldMk cId="4271123924" sldId="2147479823"/>
            <ac:spMk id="2" creationId="{DA5023BE-B8D0-4171-9037-E94636CAA33F}"/>
          </ac:spMkLst>
        </pc:spChg>
        <pc:spChg chg="mod">
          <ac:chgData name="Oscar Llorente Gonzalez" userId="e1d48c7f-7de1-49f5-ba88-07a54202ac7d" providerId="ADAL" clId="{5A80F24B-A99F-4C5F-80FB-BB877AB3CE9A}" dt="2024-07-26T12:29:42.264" v="1556"/>
          <ac:spMkLst>
            <pc:docMk/>
            <pc:sldMk cId="4271123924" sldId="2147479823"/>
            <ac:spMk id="4" creationId="{99186417-7C84-4161-84C8-A9B4FDC80ADE}"/>
          </ac:spMkLst>
        </pc:spChg>
        <pc:spChg chg="mod">
          <ac:chgData name="Oscar Llorente Gonzalez" userId="e1d48c7f-7de1-49f5-ba88-07a54202ac7d" providerId="ADAL" clId="{5A80F24B-A99F-4C5F-80FB-BB877AB3CE9A}" dt="2024-07-26T12:29:42.264" v="1558"/>
          <ac:spMkLst>
            <pc:docMk/>
            <pc:sldMk cId="4271123924" sldId="2147479823"/>
            <ac:spMk id="13" creationId="{81270E55-A70F-4B5D-9E58-65552286CDEF}"/>
          </ac:spMkLst>
        </pc:spChg>
        <pc:spChg chg="mod">
          <ac:chgData name="Oscar Llorente Gonzalez" userId="e1d48c7f-7de1-49f5-ba88-07a54202ac7d" providerId="ADAL" clId="{5A80F24B-A99F-4C5F-80FB-BB877AB3CE9A}" dt="2024-07-26T12:29:42.264" v="1560"/>
          <ac:spMkLst>
            <pc:docMk/>
            <pc:sldMk cId="4271123924" sldId="2147479823"/>
            <ac:spMk id="14" creationId="{6CC6CA4D-D8B2-40B9-ADB7-66E9EF1885CF}"/>
          </ac:spMkLst>
        </pc:spChg>
        <pc:spChg chg="mod">
          <ac:chgData name="Oscar Llorente Gonzalez" userId="e1d48c7f-7de1-49f5-ba88-07a54202ac7d" providerId="ADAL" clId="{5A80F24B-A99F-4C5F-80FB-BB877AB3CE9A}" dt="2024-07-26T12:29:42.273" v="1562"/>
          <ac:spMkLst>
            <pc:docMk/>
            <pc:sldMk cId="4271123924" sldId="2147479823"/>
            <ac:spMk id="15" creationId="{9313D0A8-BFB0-4EF6-9B07-F5F86E8A6049}"/>
          </ac:spMkLst>
        </pc:spChg>
        <pc:spChg chg="mod">
          <ac:chgData name="Oscar Llorente Gonzalez" userId="e1d48c7f-7de1-49f5-ba88-07a54202ac7d" providerId="ADAL" clId="{5A80F24B-A99F-4C5F-80FB-BB877AB3CE9A}" dt="2024-07-26T12:29:42.264" v="1554"/>
          <ac:spMkLst>
            <pc:docMk/>
            <pc:sldMk cId="4271123924" sldId="2147479823"/>
            <ac:spMk id="22" creationId="{00000000-0000-0000-0000-000000000000}"/>
          </ac:spMkLst>
        </pc:spChg>
        <pc:grpChg chg="mod">
          <ac:chgData name="Oscar Llorente Gonzalez" userId="e1d48c7f-7de1-49f5-ba88-07a54202ac7d" providerId="ADAL" clId="{5A80F24B-A99F-4C5F-80FB-BB877AB3CE9A}" dt="2024-07-26T12:29:42.273" v="1566"/>
          <ac:grpSpMkLst>
            <pc:docMk/>
            <pc:sldMk cId="4271123924" sldId="2147479823"/>
            <ac:grpSpMk id="3" creationId="{6555F43B-11EE-4F50-92A6-7414B816CC6A}"/>
          </ac:grpSpMkLst>
        </pc:grpChg>
        <pc:picChg chg="mod modCrop">
          <ac:chgData name="Oscar Llorente Gonzalez" userId="e1d48c7f-7de1-49f5-ba88-07a54202ac7d" providerId="ADAL" clId="{5A80F24B-A99F-4C5F-80FB-BB877AB3CE9A}" dt="2024-07-26T12:29:42.264" v="1552"/>
          <ac:picMkLst>
            <pc:docMk/>
            <pc:sldMk cId="4271123924" sldId="2147479823"/>
            <ac:picMk id="27" creationId="{00000000-0000-0000-0000-000000000000}"/>
          </ac:picMkLst>
        </pc:picChg>
      </pc:sldChg>
      <pc:sldChg chg="modSp add del mod">
        <pc:chgData name="Oscar Llorente Gonzalez" userId="e1d48c7f-7de1-49f5-ba88-07a54202ac7d" providerId="ADAL" clId="{5A80F24B-A99F-4C5F-80FB-BB877AB3CE9A}" dt="2024-07-26T12:30:02.368" v="1632" actId="47"/>
        <pc:sldMkLst>
          <pc:docMk/>
          <pc:sldMk cId="424221905" sldId="2147479824"/>
        </pc:sldMkLst>
        <pc:spChg chg="mod">
          <ac:chgData name="Oscar Llorente Gonzalez" userId="e1d48c7f-7de1-49f5-ba88-07a54202ac7d" providerId="ADAL" clId="{5A80F24B-A99F-4C5F-80FB-BB877AB3CE9A}" dt="2024-07-26T12:29:45.592" v="1599"/>
          <ac:spMkLst>
            <pc:docMk/>
            <pc:sldMk cId="424221905" sldId="2147479824"/>
            <ac:spMk id="3" creationId="{88ECDD41-D15C-4811-A2A2-F57DF3047772}"/>
          </ac:spMkLst>
        </pc:spChg>
        <pc:spChg chg="mod">
          <ac:chgData name="Oscar Llorente Gonzalez" userId="e1d48c7f-7de1-49f5-ba88-07a54202ac7d" providerId="ADAL" clId="{5A80F24B-A99F-4C5F-80FB-BB877AB3CE9A}" dt="2024-07-26T12:29:45.592" v="1601"/>
          <ac:spMkLst>
            <pc:docMk/>
            <pc:sldMk cId="424221905" sldId="2147479824"/>
            <ac:spMk id="21" creationId="{D90434F6-82DA-4BB6-A65F-D22B7236D3BD}"/>
          </ac:spMkLst>
        </pc:spChg>
        <pc:spChg chg="mod">
          <ac:chgData name="Oscar Llorente Gonzalez" userId="e1d48c7f-7de1-49f5-ba88-07a54202ac7d" providerId="ADAL" clId="{5A80F24B-A99F-4C5F-80FB-BB877AB3CE9A}" dt="2024-07-26T12:29:45.592" v="1603"/>
          <ac:spMkLst>
            <pc:docMk/>
            <pc:sldMk cId="424221905" sldId="2147479824"/>
            <ac:spMk id="22" creationId="{C912891F-FC11-4E3C-98F8-5BA55DEB7D32}"/>
          </ac:spMkLst>
        </pc:spChg>
        <pc:spChg chg="mod">
          <ac:chgData name="Oscar Llorente Gonzalez" userId="e1d48c7f-7de1-49f5-ba88-07a54202ac7d" providerId="ADAL" clId="{5A80F24B-A99F-4C5F-80FB-BB877AB3CE9A}" dt="2024-07-26T12:29:45.592" v="1605"/>
          <ac:spMkLst>
            <pc:docMk/>
            <pc:sldMk cId="424221905" sldId="2147479824"/>
            <ac:spMk id="23" creationId="{4AA06DFF-6460-48A2-84A9-288BF71AD0E4}"/>
          </ac:spMkLst>
        </pc:spChg>
        <pc:spChg chg="mod">
          <ac:chgData name="Oscar Llorente Gonzalez" userId="e1d48c7f-7de1-49f5-ba88-07a54202ac7d" providerId="ADAL" clId="{5A80F24B-A99F-4C5F-80FB-BB877AB3CE9A}" dt="2024-07-26T12:29:45.592" v="1607"/>
          <ac:spMkLst>
            <pc:docMk/>
            <pc:sldMk cId="424221905" sldId="2147479824"/>
            <ac:spMk id="24" creationId="{48AB315A-7A43-47FD-A496-42DC0BC8C88E}"/>
          </ac:spMkLst>
        </pc:spChg>
        <pc:spChg chg="mod">
          <ac:chgData name="Oscar Llorente Gonzalez" userId="e1d48c7f-7de1-49f5-ba88-07a54202ac7d" providerId="ADAL" clId="{5A80F24B-A99F-4C5F-80FB-BB877AB3CE9A}" dt="2024-07-26T12:29:45.600" v="1609"/>
          <ac:spMkLst>
            <pc:docMk/>
            <pc:sldMk cId="424221905" sldId="2147479824"/>
            <ac:spMk id="25" creationId="{CD6B4EAF-FB59-4276-A1D1-31A48C593DAE}"/>
          </ac:spMkLst>
        </pc:spChg>
        <pc:spChg chg="mod">
          <ac:chgData name="Oscar Llorente Gonzalez" userId="e1d48c7f-7de1-49f5-ba88-07a54202ac7d" providerId="ADAL" clId="{5A80F24B-A99F-4C5F-80FB-BB877AB3CE9A}" dt="2024-07-26T12:29:45.600" v="1611"/>
          <ac:spMkLst>
            <pc:docMk/>
            <pc:sldMk cId="424221905" sldId="2147479824"/>
            <ac:spMk id="26" creationId="{345520C5-1DA5-459E-880D-7C609E5B63E7}"/>
          </ac:spMkLst>
        </pc:spChg>
        <pc:spChg chg="mod">
          <ac:chgData name="Oscar Llorente Gonzalez" userId="e1d48c7f-7de1-49f5-ba88-07a54202ac7d" providerId="ADAL" clId="{5A80F24B-A99F-4C5F-80FB-BB877AB3CE9A}" dt="2024-07-26T12:29:45.600" v="1613"/>
          <ac:spMkLst>
            <pc:docMk/>
            <pc:sldMk cId="424221905" sldId="2147479824"/>
            <ac:spMk id="27" creationId="{B76534BC-0715-44C6-BA0D-6794A89C806D}"/>
          </ac:spMkLst>
        </pc:spChg>
        <pc:spChg chg="mod">
          <ac:chgData name="Oscar Llorente Gonzalez" userId="e1d48c7f-7de1-49f5-ba88-07a54202ac7d" providerId="ADAL" clId="{5A80F24B-A99F-4C5F-80FB-BB877AB3CE9A}" dt="2024-07-26T12:29:45.600" v="1615"/>
          <ac:spMkLst>
            <pc:docMk/>
            <pc:sldMk cId="424221905" sldId="2147479824"/>
            <ac:spMk id="28" creationId="{3B4215B7-D3A0-400C-8151-C3E6C5666A72}"/>
          </ac:spMkLst>
        </pc:spChg>
        <pc:grpChg chg="mod">
          <ac:chgData name="Oscar Llorente Gonzalez" userId="e1d48c7f-7de1-49f5-ba88-07a54202ac7d" providerId="ADAL" clId="{5A80F24B-A99F-4C5F-80FB-BB877AB3CE9A}" dt="2024-07-26T12:29:45.592" v="1597"/>
          <ac:grpSpMkLst>
            <pc:docMk/>
            <pc:sldMk cId="424221905" sldId="2147479824"/>
            <ac:grpSpMk id="15" creationId="{7560F7CD-BC3D-4C2B-999A-FF94AF4A5B0A}"/>
          </ac:grpSpMkLst>
        </pc:grpChg>
        <pc:picChg chg="mod modCrop">
          <ac:chgData name="Oscar Llorente Gonzalez" userId="e1d48c7f-7de1-49f5-ba88-07a54202ac7d" providerId="ADAL" clId="{5A80F24B-A99F-4C5F-80FB-BB877AB3CE9A}" dt="2024-07-26T12:29:45.600" v="1618"/>
          <ac:picMkLst>
            <pc:docMk/>
            <pc:sldMk cId="424221905" sldId="2147479824"/>
            <ac:picMk id="33" creationId="{8946942E-FEED-48D5-9B93-4BF39BADF34A}"/>
          </ac:picMkLst>
        </pc:picChg>
        <pc:picChg chg="mod modCrop">
          <ac:chgData name="Oscar Llorente Gonzalez" userId="e1d48c7f-7de1-49f5-ba88-07a54202ac7d" providerId="ADAL" clId="{5A80F24B-A99F-4C5F-80FB-BB877AB3CE9A}" dt="2024-07-26T12:29:45.600" v="1621"/>
          <ac:picMkLst>
            <pc:docMk/>
            <pc:sldMk cId="424221905" sldId="2147479824"/>
            <ac:picMk id="34" creationId="{1B26DD51-CAE0-48EC-AB86-05BE458D6846}"/>
          </ac:picMkLst>
        </pc:picChg>
        <pc:picChg chg="mod modCrop">
          <ac:chgData name="Oscar Llorente Gonzalez" userId="e1d48c7f-7de1-49f5-ba88-07a54202ac7d" providerId="ADAL" clId="{5A80F24B-A99F-4C5F-80FB-BB877AB3CE9A}" dt="2024-07-26T12:29:45.611" v="1624"/>
          <ac:picMkLst>
            <pc:docMk/>
            <pc:sldMk cId="424221905" sldId="2147479824"/>
            <ac:picMk id="35" creationId="{947621D8-0519-4163-BAA1-A7DD788FFA5E}"/>
          </ac:picMkLst>
        </pc:picChg>
        <pc:picChg chg="mod modCrop">
          <ac:chgData name="Oscar Llorente Gonzalez" userId="e1d48c7f-7de1-49f5-ba88-07a54202ac7d" providerId="ADAL" clId="{5A80F24B-A99F-4C5F-80FB-BB877AB3CE9A}" dt="2024-07-26T12:29:45.614" v="1627"/>
          <ac:picMkLst>
            <pc:docMk/>
            <pc:sldMk cId="424221905" sldId="2147479824"/>
            <ac:picMk id="36" creationId="{6EF15805-5C5C-42F5-BB5C-4E923CAE1486}"/>
          </ac:picMkLst>
        </pc:picChg>
      </pc:sldChg>
      <pc:sldMasterChg chg="modSldLayout">
        <pc:chgData name="Oscar Llorente Gonzalez" userId="e1d48c7f-7de1-49f5-ba88-07a54202ac7d" providerId="ADAL" clId="{5A80F24B-A99F-4C5F-80FB-BB877AB3CE9A}" dt="2024-07-26T12:29:45.564" v="1591" actId="20577"/>
        <pc:sldMasterMkLst>
          <pc:docMk/>
          <pc:sldMasterMk cId="2523064765" sldId="2147483660"/>
        </pc:sldMasterMkLst>
        <pc:sldLayoutChg chg="modSp mod">
          <pc:chgData name="Oscar Llorente Gonzalez" userId="e1d48c7f-7de1-49f5-ba88-07a54202ac7d" providerId="ADAL" clId="{5A80F24B-A99F-4C5F-80FB-BB877AB3CE9A}" dt="2024-07-26T12:29:45.539" v="1583" actId="20577"/>
          <pc:sldLayoutMkLst>
            <pc:docMk/>
            <pc:sldMasterMk cId="2523064765" sldId="2147483660"/>
            <pc:sldLayoutMk cId="2275899235" sldId="2147483678"/>
          </pc:sldLayoutMkLst>
          <pc:spChg chg="mod">
            <ac:chgData name="Oscar Llorente Gonzalez" userId="e1d48c7f-7de1-49f5-ba88-07a54202ac7d" providerId="ADAL" clId="{5A80F24B-A99F-4C5F-80FB-BB877AB3CE9A}" dt="2024-07-26T12:29:45.539" v="1583" actId="20577"/>
            <ac:spMkLst>
              <pc:docMk/>
              <pc:sldMasterMk cId="2523064765" sldId="2147483660"/>
              <pc:sldLayoutMk cId="2275899235" sldId="2147483678"/>
              <ac:spMk id="11" creationId="{A55C34B4-681E-4FDA-A9BB-6BC31D94C8D6}"/>
            </ac:spMkLst>
          </pc:spChg>
        </pc:sldLayoutChg>
        <pc:sldLayoutChg chg="modSp mod">
          <pc:chgData name="Oscar Llorente Gonzalez" userId="e1d48c7f-7de1-49f5-ba88-07a54202ac7d" providerId="ADAL" clId="{5A80F24B-A99F-4C5F-80FB-BB877AB3CE9A}" dt="2024-07-26T12:29:45.564" v="1591" actId="20577"/>
          <pc:sldLayoutMkLst>
            <pc:docMk/>
            <pc:sldMasterMk cId="2523064765" sldId="2147483660"/>
            <pc:sldLayoutMk cId="1436988196" sldId="2147483681"/>
          </pc:sldLayoutMkLst>
          <pc:spChg chg="mod">
            <ac:chgData name="Oscar Llorente Gonzalez" userId="e1d48c7f-7de1-49f5-ba88-07a54202ac7d" providerId="ADAL" clId="{5A80F24B-A99F-4C5F-80FB-BB877AB3CE9A}" dt="2024-07-26T12:29:45.564" v="1591" actId="20577"/>
            <ac:spMkLst>
              <pc:docMk/>
              <pc:sldMasterMk cId="2523064765" sldId="2147483660"/>
              <pc:sldLayoutMk cId="1436988196" sldId="2147483681"/>
              <ac:spMk id="14" creationId="{089CBEB5-348B-49F3-8F8B-FDEE08950E37}"/>
            </ac:spMkLst>
          </pc:spChg>
        </pc:sldLayoutChg>
        <pc:sldLayoutChg chg="modSp mod">
          <pc:chgData name="Oscar Llorente Gonzalez" userId="e1d48c7f-7de1-49f5-ba88-07a54202ac7d" providerId="ADAL" clId="{5A80F24B-A99F-4C5F-80FB-BB877AB3CE9A}" dt="2024-07-26T12:29:45.555" v="1587" actId="20577"/>
          <pc:sldLayoutMkLst>
            <pc:docMk/>
            <pc:sldMasterMk cId="2523064765" sldId="2147483660"/>
            <pc:sldLayoutMk cId="2548612008" sldId="2147483690"/>
          </pc:sldLayoutMkLst>
          <pc:spChg chg="mod">
            <ac:chgData name="Oscar Llorente Gonzalez" userId="e1d48c7f-7de1-49f5-ba88-07a54202ac7d" providerId="ADAL" clId="{5A80F24B-A99F-4C5F-80FB-BB877AB3CE9A}" dt="2024-07-26T12:29:45.555" v="1587" actId="20577"/>
            <ac:spMkLst>
              <pc:docMk/>
              <pc:sldMasterMk cId="2523064765" sldId="2147483660"/>
              <pc:sldLayoutMk cId="2548612008" sldId="2147483690"/>
              <ac:spMk id="10" creationId="{549048C1-340D-44C4-857B-1B201EC9A7E7}"/>
            </ac:spMkLst>
          </pc:spChg>
        </pc:sldLayoutChg>
      </pc:sldMasterChg>
      <pc:sldMasterChg chg="modSldLayout">
        <pc:chgData name="Oscar Llorente Gonzalez" userId="e1d48c7f-7de1-49f5-ba88-07a54202ac7d" providerId="ADAL" clId="{5A80F24B-A99F-4C5F-80FB-BB877AB3CE9A}" dt="2024-07-26T12:29:45.586" v="1595" actId="20577"/>
        <pc:sldMasterMkLst>
          <pc:docMk/>
          <pc:sldMasterMk cId="4061182373" sldId="2147483765"/>
        </pc:sldMasterMkLst>
        <pc:sldLayoutChg chg="modSp mod">
          <pc:chgData name="Oscar Llorente Gonzalez" userId="e1d48c7f-7de1-49f5-ba88-07a54202ac7d" providerId="ADAL" clId="{5A80F24B-A99F-4C5F-80FB-BB877AB3CE9A}" dt="2024-07-26T12:29:45.586" v="1595" actId="20577"/>
          <pc:sldLayoutMkLst>
            <pc:docMk/>
            <pc:sldMasterMk cId="4061182373" sldId="2147483765"/>
            <pc:sldLayoutMk cId="1967283423" sldId="2147483779"/>
          </pc:sldLayoutMkLst>
          <pc:spChg chg="mod">
            <ac:chgData name="Oscar Llorente Gonzalez" userId="e1d48c7f-7de1-49f5-ba88-07a54202ac7d" providerId="ADAL" clId="{5A80F24B-A99F-4C5F-80FB-BB877AB3CE9A}" dt="2024-07-26T12:29:45.586" v="1595" actId="20577"/>
            <ac:spMkLst>
              <pc:docMk/>
              <pc:sldMasterMk cId="4061182373" sldId="2147483765"/>
              <pc:sldLayoutMk cId="1967283423" sldId="2147483779"/>
              <ac:spMk id="8" creationId="{51373698-5BAD-06D6-A158-EF539C33C7ED}"/>
            </ac:spMkLst>
          </pc:spChg>
        </pc:sldLayoutChg>
      </pc:sldMasterChg>
    </pc:docChg>
  </pc:docChgLst>
  <pc:docChgLst>
    <pc:chgData name="Oscar Llorente Gonzalez" userId="e1d48c7f-7de1-49f5-ba88-07a54202ac7d" providerId="ADAL" clId="{184170BE-2AED-4E74-9AE7-90F0F0C69451}"/>
    <pc:docChg chg="custSel modSld modMainMaster">
      <pc:chgData name="Oscar Llorente Gonzalez" userId="e1d48c7f-7de1-49f5-ba88-07a54202ac7d" providerId="ADAL" clId="{184170BE-2AED-4E74-9AE7-90F0F0C69451}" dt="2024-03-19T21:59:01.608" v="20" actId="167"/>
      <pc:docMkLst>
        <pc:docMk/>
      </pc:docMkLst>
      <pc:sldChg chg="addSp delSp modSp mod">
        <pc:chgData name="Oscar Llorente Gonzalez" userId="e1d48c7f-7de1-49f5-ba88-07a54202ac7d" providerId="ADAL" clId="{184170BE-2AED-4E74-9AE7-90F0F0C69451}" dt="2024-03-19T21:59:01.608" v="20" actId="167"/>
        <pc:sldMkLst>
          <pc:docMk/>
          <pc:sldMk cId="4045496690" sldId="2147479797"/>
        </pc:sldMkLst>
        <pc:picChg chg="add del mod">
          <ac:chgData name="Oscar Llorente Gonzalez" userId="e1d48c7f-7de1-49f5-ba88-07a54202ac7d" providerId="ADAL" clId="{184170BE-2AED-4E74-9AE7-90F0F0C69451}" dt="2024-03-19T21:58:54.786" v="17"/>
          <ac:picMkLst>
            <pc:docMk/>
            <pc:sldMk cId="4045496690" sldId="2147479797"/>
            <ac:picMk id="2" creationId="{76C6B461-A739-EDFB-4684-DE19B9F51C7D}"/>
          </ac:picMkLst>
        </pc:picChg>
        <pc:picChg chg="add mod ord">
          <ac:chgData name="Oscar Llorente Gonzalez" userId="e1d48c7f-7de1-49f5-ba88-07a54202ac7d" providerId="ADAL" clId="{184170BE-2AED-4E74-9AE7-90F0F0C69451}" dt="2024-03-19T21:59:01.608" v="20" actId="167"/>
          <ac:picMkLst>
            <pc:docMk/>
            <pc:sldMk cId="4045496690" sldId="2147479797"/>
            <ac:picMk id="3" creationId="{39B628E1-BFC8-940F-19C5-7CC8A17236D7}"/>
          </ac:picMkLst>
        </pc:picChg>
        <pc:picChg chg="del">
          <ac:chgData name="Oscar Llorente Gonzalez" userId="e1d48c7f-7de1-49f5-ba88-07a54202ac7d" providerId="ADAL" clId="{184170BE-2AED-4E74-9AE7-90F0F0C69451}" dt="2024-03-19T21:58:56.419" v="18" actId="478"/>
          <ac:picMkLst>
            <pc:docMk/>
            <pc:sldMk cId="4045496690" sldId="2147479797"/>
            <ac:picMk id="4" creationId="{60D84E34-431F-1C35-24DD-A7B168A06F8A}"/>
          </ac:picMkLst>
        </pc:picChg>
      </pc:sldChg>
      <pc:sldMasterChg chg="modSldLayout">
        <pc:chgData name="Oscar Llorente Gonzalez" userId="e1d48c7f-7de1-49f5-ba88-07a54202ac7d" providerId="ADAL" clId="{184170BE-2AED-4E74-9AE7-90F0F0C69451}" dt="2024-03-19T21:58:38.718" v="11" actId="20577"/>
        <pc:sldMasterMkLst>
          <pc:docMk/>
          <pc:sldMasterMk cId="2523064765" sldId="2147483660"/>
        </pc:sldMasterMkLst>
        <pc:sldLayoutChg chg="modSp mod">
          <pc:chgData name="Oscar Llorente Gonzalez" userId="e1d48c7f-7de1-49f5-ba88-07a54202ac7d" providerId="ADAL" clId="{184170BE-2AED-4E74-9AE7-90F0F0C69451}" dt="2024-03-19T21:58:38.690" v="3" actId="20577"/>
          <pc:sldLayoutMkLst>
            <pc:docMk/>
            <pc:sldMasterMk cId="2523064765" sldId="2147483660"/>
            <pc:sldLayoutMk cId="2275899235" sldId="2147483678"/>
          </pc:sldLayoutMkLst>
          <pc:spChg chg="mod">
            <ac:chgData name="Oscar Llorente Gonzalez" userId="e1d48c7f-7de1-49f5-ba88-07a54202ac7d" providerId="ADAL" clId="{184170BE-2AED-4E74-9AE7-90F0F0C69451}" dt="2024-03-19T21:58:38.690" v="3" actId="20577"/>
            <ac:spMkLst>
              <pc:docMk/>
              <pc:sldMasterMk cId="2523064765" sldId="2147483660"/>
              <pc:sldLayoutMk cId="2275899235" sldId="2147483678"/>
              <ac:spMk id="11" creationId="{A55C34B4-681E-4FDA-A9BB-6BC31D94C8D6}"/>
            </ac:spMkLst>
          </pc:spChg>
        </pc:sldLayoutChg>
        <pc:sldLayoutChg chg="modSp mod">
          <pc:chgData name="Oscar Llorente Gonzalez" userId="e1d48c7f-7de1-49f5-ba88-07a54202ac7d" providerId="ADAL" clId="{184170BE-2AED-4E74-9AE7-90F0F0C69451}" dt="2024-03-19T21:58:38.718" v="11" actId="20577"/>
          <pc:sldLayoutMkLst>
            <pc:docMk/>
            <pc:sldMasterMk cId="2523064765" sldId="2147483660"/>
            <pc:sldLayoutMk cId="1436988196" sldId="2147483681"/>
          </pc:sldLayoutMkLst>
          <pc:spChg chg="mod">
            <ac:chgData name="Oscar Llorente Gonzalez" userId="e1d48c7f-7de1-49f5-ba88-07a54202ac7d" providerId="ADAL" clId="{184170BE-2AED-4E74-9AE7-90F0F0C69451}" dt="2024-03-19T21:58:38.718" v="11" actId="20577"/>
            <ac:spMkLst>
              <pc:docMk/>
              <pc:sldMasterMk cId="2523064765" sldId="2147483660"/>
              <pc:sldLayoutMk cId="1436988196" sldId="2147483681"/>
              <ac:spMk id="14" creationId="{089CBEB5-348B-49F3-8F8B-FDEE08950E37}"/>
            </ac:spMkLst>
          </pc:spChg>
        </pc:sldLayoutChg>
        <pc:sldLayoutChg chg="modSp mod">
          <pc:chgData name="Oscar Llorente Gonzalez" userId="e1d48c7f-7de1-49f5-ba88-07a54202ac7d" providerId="ADAL" clId="{184170BE-2AED-4E74-9AE7-90F0F0C69451}" dt="2024-03-19T21:58:38.703" v="7" actId="20577"/>
          <pc:sldLayoutMkLst>
            <pc:docMk/>
            <pc:sldMasterMk cId="2523064765" sldId="2147483660"/>
            <pc:sldLayoutMk cId="2548612008" sldId="2147483690"/>
          </pc:sldLayoutMkLst>
          <pc:spChg chg="mod">
            <ac:chgData name="Oscar Llorente Gonzalez" userId="e1d48c7f-7de1-49f5-ba88-07a54202ac7d" providerId="ADAL" clId="{184170BE-2AED-4E74-9AE7-90F0F0C69451}" dt="2024-03-19T21:58:38.703" v="7" actId="20577"/>
            <ac:spMkLst>
              <pc:docMk/>
              <pc:sldMasterMk cId="2523064765" sldId="2147483660"/>
              <pc:sldLayoutMk cId="2548612008" sldId="2147483690"/>
              <ac:spMk id="10" creationId="{549048C1-340D-44C4-857B-1B201EC9A7E7}"/>
            </ac:spMkLst>
          </pc:spChg>
        </pc:sldLayoutChg>
      </pc:sldMasterChg>
      <pc:sldMasterChg chg="modSldLayout">
        <pc:chgData name="Oscar Llorente Gonzalez" userId="e1d48c7f-7de1-49f5-ba88-07a54202ac7d" providerId="ADAL" clId="{184170BE-2AED-4E74-9AE7-90F0F0C69451}" dt="2024-03-19T21:58:38.759" v="15" actId="20577"/>
        <pc:sldMasterMkLst>
          <pc:docMk/>
          <pc:sldMasterMk cId="4061182373" sldId="2147483765"/>
        </pc:sldMasterMkLst>
        <pc:sldLayoutChg chg="modSp mod">
          <pc:chgData name="Oscar Llorente Gonzalez" userId="e1d48c7f-7de1-49f5-ba88-07a54202ac7d" providerId="ADAL" clId="{184170BE-2AED-4E74-9AE7-90F0F0C69451}" dt="2024-03-19T21:58:38.759" v="15" actId="20577"/>
          <pc:sldLayoutMkLst>
            <pc:docMk/>
            <pc:sldMasterMk cId="4061182373" sldId="2147483765"/>
            <pc:sldLayoutMk cId="1967283423" sldId="2147483779"/>
          </pc:sldLayoutMkLst>
          <pc:spChg chg="mod">
            <ac:chgData name="Oscar Llorente Gonzalez" userId="e1d48c7f-7de1-49f5-ba88-07a54202ac7d" providerId="ADAL" clId="{184170BE-2AED-4E74-9AE7-90F0F0C69451}" dt="2024-03-19T21:58:38.759" v="15" actId="20577"/>
            <ac:spMkLst>
              <pc:docMk/>
              <pc:sldMasterMk cId="4061182373" sldId="2147483765"/>
              <pc:sldLayoutMk cId="1967283423" sldId="2147483779"/>
              <ac:spMk id="8" creationId="{51373698-5BAD-06D6-A158-EF539C33C7ED}"/>
            </ac:spMkLst>
          </pc:spChg>
        </pc:sldLayoutChg>
      </pc:sldMasterChg>
    </pc:docChg>
  </pc:docChgLst>
  <pc:docChgLst>
    <pc:chgData name="Oscar Llorente Gonzalez" userId="e1d48c7f-7de1-49f5-ba88-07a54202ac7d" providerId="ADAL" clId="{B4A7EE9B-6219-420E-9492-BE22A5D43567}"/>
    <pc:docChg chg="custSel modSld modMainMaster">
      <pc:chgData name="Oscar Llorente Gonzalez" userId="e1d48c7f-7de1-49f5-ba88-07a54202ac7d" providerId="ADAL" clId="{B4A7EE9B-6219-420E-9492-BE22A5D43567}" dt="2024-02-18T23:58:30.787" v="57" actId="14100"/>
      <pc:docMkLst>
        <pc:docMk/>
      </pc:docMkLst>
      <pc:sldChg chg="modSp mod">
        <pc:chgData name="Oscar Llorente Gonzalez" userId="e1d48c7f-7de1-49f5-ba88-07a54202ac7d" providerId="ADAL" clId="{B4A7EE9B-6219-420E-9492-BE22A5D43567}" dt="2024-02-18T23:58:04.696" v="34" actId="14100"/>
        <pc:sldMkLst>
          <pc:docMk/>
          <pc:sldMk cId="46647062" sldId="2147479193"/>
        </pc:sldMkLst>
        <pc:spChg chg="mod">
          <ac:chgData name="Oscar Llorente Gonzalez" userId="e1d48c7f-7de1-49f5-ba88-07a54202ac7d" providerId="ADAL" clId="{B4A7EE9B-6219-420E-9492-BE22A5D43567}" dt="2024-02-18T23:58:04.696" v="34" actId="14100"/>
          <ac:spMkLst>
            <pc:docMk/>
            <pc:sldMk cId="46647062" sldId="2147479193"/>
            <ac:spMk id="23" creationId="{15695D72-E891-28A4-9B93-F7EB42BD3606}"/>
          </ac:spMkLst>
        </pc:spChg>
      </pc:sldChg>
      <pc:sldMasterChg chg="modSp mod modSldLayout">
        <pc:chgData name="Oscar Llorente Gonzalez" userId="e1d48c7f-7de1-49f5-ba88-07a54202ac7d" providerId="ADAL" clId="{B4A7EE9B-6219-420E-9492-BE22A5D43567}" dt="2024-02-18T23:58:30.787" v="57" actId="14100"/>
        <pc:sldMasterMkLst>
          <pc:docMk/>
          <pc:sldMasterMk cId="2523064765" sldId="2147483660"/>
        </pc:sldMasterMkLst>
        <pc:spChg chg="mod">
          <ac:chgData name="Oscar Llorente Gonzalez" userId="e1d48c7f-7de1-49f5-ba88-07a54202ac7d" providerId="ADAL" clId="{B4A7EE9B-6219-420E-9492-BE22A5D43567}" dt="2024-02-18T23:58:30.787" v="57" actId="14100"/>
          <ac:spMkLst>
            <pc:docMk/>
            <pc:sldMasterMk cId="2523064765" sldId="2147483660"/>
            <ac:spMk id="3" creationId="{0665815C-E6AB-667E-FD0B-272049406215}"/>
          </ac:spMkLst>
        </pc:spChg>
        <pc:sldLayoutChg chg="modSp mod">
          <pc:chgData name="Oscar Llorente Gonzalez" userId="e1d48c7f-7de1-49f5-ba88-07a54202ac7d" providerId="ADAL" clId="{B4A7EE9B-6219-420E-9492-BE22A5D43567}" dt="2024-02-18T23:57:13.074" v="3" actId="20577"/>
          <pc:sldLayoutMkLst>
            <pc:docMk/>
            <pc:sldMasterMk cId="2523064765" sldId="2147483660"/>
            <pc:sldLayoutMk cId="2275899235" sldId="2147483678"/>
          </pc:sldLayoutMkLst>
          <pc:spChg chg="mod">
            <ac:chgData name="Oscar Llorente Gonzalez" userId="e1d48c7f-7de1-49f5-ba88-07a54202ac7d" providerId="ADAL" clId="{B4A7EE9B-6219-420E-9492-BE22A5D43567}" dt="2024-02-18T23:57:13.074" v="3" actId="20577"/>
            <ac:spMkLst>
              <pc:docMk/>
              <pc:sldMasterMk cId="2523064765" sldId="2147483660"/>
              <pc:sldLayoutMk cId="2275899235" sldId="2147483678"/>
              <ac:spMk id="11" creationId="{A55C34B4-681E-4FDA-A9BB-6BC31D94C8D6}"/>
            </ac:spMkLst>
          </pc:spChg>
        </pc:sldLayoutChg>
        <pc:sldLayoutChg chg="modSp mod">
          <pc:chgData name="Oscar Llorente Gonzalez" userId="e1d48c7f-7de1-49f5-ba88-07a54202ac7d" providerId="ADAL" clId="{B4A7EE9B-6219-420E-9492-BE22A5D43567}" dt="2024-02-18T23:57:13.109" v="11" actId="20577"/>
          <pc:sldLayoutMkLst>
            <pc:docMk/>
            <pc:sldMasterMk cId="2523064765" sldId="2147483660"/>
            <pc:sldLayoutMk cId="1436988196" sldId="2147483681"/>
          </pc:sldLayoutMkLst>
          <pc:spChg chg="mod">
            <ac:chgData name="Oscar Llorente Gonzalez" userId="e1d48c7f-7de1-49f5-ba88-07a54202ac7d" providerId="ADAL" clId="{B4A7EE9B-6219-420E-9492-BE22A5D43567}" dt="2024-02-18T23:57:13.109" v="11" actId="20577"/>
            <ac:spMkLst>
              <pc:docMk/>
              <pc:sldMasterMk cId="2523064765" sldId="2147483660"/>
              <pc:sldLayoutMk cId="1436988196" sldId="2147483681"/>
              <ac:spMk id="14" creationId="{089CBEB5-348B-49F3-8F8B-FDEE08950E37}"/>
            </ac:spMkLst>
          </pc:spChg>
        </pc:sldLayoutChg>
        <pc:sldLayoutChg chg="modSp mod">
          <pc:chgData name="Oscar Llorente Gonzalez" userId="e1d48c7f-7de1-49f5-ba88-07a54202ac7d" providerId="ADAL" clId="{B4A7EE9B-6219-420E-9492-BE22A5D43567}" dt="2024-02-18T23:57:13.091" v="7" actId="20577"/>
          <pc:sldLayoutMkLst>
            <pc:docMk/>
            <pc:sldMasterMk cId="2523064765" sldId="2147483660"/>
            <pc:sldLayoutMk cId="2548612008" sldId="2147483690"/>
          </pc:sldLayoutMkLst>
          <pc:spChg chg="mod">
            <ac:chgData name="Oscar Llorente Gonzalez" userId="e1d48c7f-7de1-49f5-ba88-07a54202ac7d" providerId="ADAL" clId="{B4A7EE9B-6219-420E-9492-BE22A5D43567}" dt="2024-02-18T23:57:13.091" v="7" actId="20577"/>
            <ac:spMkLst>
              <pc:docMk/>
              <pc:sldMasterMk cId="2523064765" sldId="2147483660"/>
              <pc:sldLayoutMk cId="2548612008" sldId="2147483690"/>
              <ac:spMk id="10" creationId="{549048C1-340D-44C4-857B-1B201EC9A7E7}"/>
            </ac:spMkLst>
          </pc:spChg>
        </pc:sldLayoutChg>
      </pc:sldMasterChg>
      <pc:sldMasterChg chg="modSldLayout">
        <pc:chgData name="Oscar Llorente Gonzalez" userId="e1d48c7f-7de1-49f5-ba88-07a54202ac7d" providerId="ADAL" clId="{B4A7EE9B-6219-420E-9492-BE22A5D43567}" dt="2024-02-18T23:57:25.465" v="17"/>
        <pc:sldMasterMkLst>
          <pc:docMk/>
          <pc:sldMasterMk cId="4061182373" sldId="2147483765"/>
        </pc:sldMasterMkLst>
        <pc:sldLayoutChg chg="addSp delSp modSp mod">
          <pc:chgData name="Oscar Llorente Gonzalez" userId="e1d48c7f-7de1-49f5-ba88-07a54202ac7d" providerId="ADAL" clId="{B4A7EE9B-6219-420E-9492-BE22A5D43567}" dt="2024-02-18T23:57:25.465" v="17"/>
          <pc:sldLayoutMkLst>
            <pc:docMk/>
            <pc:sldMasterMk cId="4061182373" sldId="2147483765"/>
            <pc:sldLayoutMk cId="1977142871" sldId="2147483767"/>
          </pc:sldLayoutMkLst>
          <pc:picChg chg="add mod">
            <ac:chgData name="Oscar Llorente Gonzalez" userId="e1d48c7f-7de1-49f5-ba88-07a54202ac7d" providerId="ADAL" clId="{B4A7EE9B-6219-420E-9492-BE22A5D43567}" dt="2024-02-18T23:57:25.465" v="17"/>
            <ac:picMkLst>
              <pc:docMk/>
              <pc:sldMasterMk cId="4061182373" sldId="2147483765"/>
              <pc:sldLayoutMk cId="1977142871" sldId="2147483767"/>
              <ac:picMk id="4" creationId="{4454C8FD-D113-2F67-6FBD-1B1E20B793B0}"/>
            </ac:picMkLst>
          </pc:picChg>
          <pc:picChg chg="del">
            <ac:chgData name="Oscar Llorente Gonzalez" userId="e1d48c7f-7de1-49f5-ba88-07a54202ac7d" providerId="ADAL" clId="{B4A7EE9B-6219-420E-9492-BE22A5D43567}" dt="2024-02-18T23:57:24.682" v="16" actId="478"/>
            <ac:picMkLst>
              <pc:docMk/>
              <pc:sldMasterMk cId="4061182373" sldId="2147483765"/>
              <pc:sldLayoutMk cId="1977142871" sldId="2147483767"/>
              <ac:picMk id="5" creationId="{FFA858B5-485B-E07B-7C3D-68ADB7EA4759}"/>
            </ac:picMkLst>
          </pc:picChg>
        </pc:sldLayoutChg>
        <pc:sldLayoutChg chg="modSp mod">
          <pc:chgData name="Oscar Llorente Gonzalez" userId="e1d48c7f-7de1-49f5-ba88-07a54202ac7d" providerId="ADAL" clId="{B4A7EE9B-6219-420E-9492-BE22A5D43567}" dt="2024-02-18T23:57:13.173" v="15" actId="20577"/>
          <pc:sldLayoutMkLst>
            <pc:docMk/>
            <pc:sldMasterMk cId="4061182373" sldId="2147483765"/>
            <pc:sldLayoutMk cId="1967283423" sldId="2147483779"/>
          </pc:sldLayoutMkLst>
          <pc:spChg chg="mod">
            <ac:chgData name="Oscar Llorente Gonzalez" userId="e1d48c7f-7de1-49f5-ba88-07a54202ac7d" providerId="ADAL" clId="{B4A7EE9B-6219-420E-9492-BE22A5D43567}" dt="2024-02-18T23:57:13.173" v="15" actId="20577"/>
            <ac:spMkLst>
              <pc:docMk/>
              <pc:sldMasterMk cId="4061182373" sldId="2147483765"/>
              <pc:sldLayoutMk cId="1967283423" sldId="2147483779"/>
              <ac:spMk id="8" creationId="{51373698-5BAD-06D6-A158-EF539C33C7ED}"/>
            </ac:spMkLst>
          </pc:spChg>
        </pc:sldLayoutChg>
      </pc:sldMasterChg>
    </pc:docChg>
  </pc:docChgLst>
  <pc:docChgLst>
    <pc:chgData name="Oscar Llorente Gonzalez" userId="e1d48c7f-7de1-49f5-ba88-07a54202ac7d" providerId="ADAL" clId="{5F27E416-C2E4-477D-BB94-0D2D4A98227C}"/>
    <pc:docChg chg="custSel addSld delSld modMainMaster modSection">
      <pc:chgData name="Oscar Llorente Gonzalez" userId="e1d48c7f-7de1-49f5-ba88-07a54202ac7d" providerId="ADAL" clId="{5F27E416-C2E4-477D-BB94-0D2D4A98227C}" dt="2024-09-25T22:39:01.082" v="20" actId="680"/>
      <pc:docMkLst>
        <pc:docMk/>
      </pc:docMkLst>
      <pc:sldChg chg="del">
        <pc:chgData name="Oscar Llorente Gonzalez" userId="e1d48c7f-7de1-49f5-ba88-07a54202ac7d" providerId="ADAL" clId="{5F27E416-C2E4-477D-BB94-0D2D4A98227C}" dt="2024-09-25T22:38:55.971" v="16" actId="47"/>
        <pc:sldMkLst>
          <pc:docMk/>
          <pc:sldMk cId="4062506516" sldId="2147479798"/>
        </pc:sldMkLst>
      </pc:sldChg>
      <pc:sldChg chg="del">
        <pc:chgData name="Oscar Llorente Gonzalez" userId="e1d48c7f-7de1-49f5-ba88-07a54202ac7d" providerId="ADAL" clId="{5F27E416-C2E4-477D-BB94-0D2D4A98227C}" dt="2024-09-25T22:38:56.544" v="17" actId="47"/>
        <pc:sldMkLst>
          <pc:docMk/>
          <pc:sldMk cId="1788028285" sldId="2147479809"/>
        </pc:sldMkLst>
      </pc:sldChg>
      <pc:sldChg chg="del">
        <pc:chgData name="Oscar Llorente Gonzalez" userId="e1d48c7f-7de1-49f5-ba88-07a54202ac7d" providerId="ADAL" clId="{5F27E416-C2E4-477D-BB94-0D2D4A98227C}" dt="2024-09-25T22:38:57.006" v="18" actId="47"/>
        <pc:sldMkLst>
          <pc:docMk/>
          <pc:sldMk cId="1340164199" sldId="2147479819"/>
        </pc:sldMkLst>
      </pc:sldChg>
      <pc:sldChg chg="del">
        <pc:chgData name="Oscar Llorente Gonzalez" userId="e1d48c7f-7de1-49f5-ba88-07a54202ac7d" providerId="ADAL" clId="{5F27E416-C2E4-477D-BB94-0D2D4A98227C}" dt="2024-09-25T22:38:57.456" v="19" actId="47"/>
        <pc:sldMkLst>
          <pc:docMk/>
          <pc:sldMk cId="3416463214" sldId="2147479820"/>
        </pc:sldMkLst>
      </pc:sldChg>
      <pc:sldChg chg="new">
        <pc:chgData name="Oscar Llorente Gonzalez" userId="e1d48c7f-7de1-49f5-ba88-07a54202ac7d" providerId="ADAL" clId="{5F27E416-C2E4-477D-BB94-0D2D4A98227C}" dt="2024-09-25T22:39:01.082" v="20" actId="680"/>
        <pc:sldMkLst>
          <pc:docMk/>
          <pc:sldMk cId="349078831" sldId="2147479823"/>
        </pc:sldMkLst>
      </pc:sldChg>
      <pc:sldMasterChg chg="modSldLayout">
        <pc:chgData name="Oscar Llorente Gonzalez" userId="e1d48c7f-7de1-49f5-ba88-07a54202ac7d" providerId="ADAL" clId="{5F27E416-C2E4-477D-BB94-0D2D4A98227C}" dt="2024-09-25T22:38:49.996" v="11" actId="20577"/>
        <pc:sldMasterMkLst>
          <pc:docMk/>
          <pc:sldMasterMk cId="2523064765" sldId="2147483660"/>
        </pc:sldMasterMkLst>
        <pc:sldLayoutChg chg="modSp mod">
          <pc:chgData name="Oscar Llorente Gonzalez" userId="e1d48c7f-7de1-49f5-ba88-07a54202ac7d" providerId="ADAL" clId="{5F27E416-C2E4-477D-BB94-0D2D4A98227C}" dt="2024-09-25T22:38:49.972" v="3" actId="20577"/>
          <pc:sldLayoutMkLst>
            <pc:docMk/>
            <pc:sldMasterMk cId="2523064765" sldId="2147483660"/>
            <pc:sldLayoutMk cId="2275899235" sldId="2147483678"/>
          </pc:sldLayoutMkLst>
          <pc:spChg chg="mod">
            <ac:chgData name="Oscar Llorente Gonzalez" userId="e1d48c7f-7de1-49f5-ba88-07a54202ac7d" providerId="ADAL" clId="{5F27E416-C2E4-477D-BB94-0D2D4A98227C}" dt="2024-09-25T22:38:49.972" v="3" actId="20577"/>
            <ac:spMkLst>
              <pc:docMk/>
              <pc:sldMasterMk cId="2523064765" sldId="2147483660"/>
              <pc:sldLayoutMk cId="2275899235" sldId="2147483678"/>
              <ac:spMk id="11" creationId="{A55C34B4-681E-4FDA-A9BB-6BC31D94C8D6}"/>
            </ac:spMkLst>
          </pc:spChg>
        </pc:sldLayoutChg>
        <pc:sldLayoutChg chg="modSp mod">
          <pc:chgData name="Oscar Llorente Gonzalez" userId="e1d48c7f-7de1-49f5-ba88-07a54202ac7d" providerId="ADAL" clId="{5F27E416-C2E4-477D-BB94-0D2D4A98227C}" dt="2024-09-25T22:38:49.996" v="11" actId="20577"/>
          <pc:sldLayoutMkLst>
            <pc:docMk/>
            <pc:sldMasterMk cId="2523064765" sldId="2147483660"/>
            <pc:sldLayoutMk cId="1436988196" sldId="2147483681"/>
          </pc:sldLayoutMkLst>
          <pc:spChg chg="mod">
            <ac:chgData name="Oscar Llorente Gonzalez" userId="e1d48c7f-7de1-49f5-ba88-07a54202ac7d" providerId="ADAL" clId="{5F27E416-C2E4-477D-BB94-0D2D4A98227C}" dt="2024-09-25T22:38:49.996" v="11" actId="20577"/>
            <ac:spMkLst>
              <pc:docMk/>
              <pc:sldMasterMk cId="2523064765" sldId="2147483660"/>
              <pc:sldLayoutMk cId="1436988196" sldId="2147483681"/>
              <ac:spMk id="14" creationId="{089CBEB5-348B-49F3-8F8B-FDEE08950E37}"/>
            </ac:spMkLst>
          </pc:spChg>
        </pc:sldLayoutChg>
        <pc:sldLayoutChg chg="modSp mod">
          <pc:chgData name="Oscar Llorente Gonzalez" userId="e1d48c7f-7de1-49f5-ba88-07a54202ac7d" providerId="ADAL" clId="{5F27E416-C2E4-477D-BB94-0D2D4A98227C}" dt="2024-09-25T22:38:49.980" v="7" actId="20577"/>
          <pc:sldLayoutMkLst>
            <pc:docMk/>
            <pc:sldMasterMk cId="2523064765" sldId="2147483660"/>
            <pc:sldLayoutMk cId="2548612008" sldId="2147483690"/>
          </pc:sldLayoutMkLst>
          <pc:spChg chg="mod">
            <ac:chgData name="Oscar Llorente Gonzalez" userId="e1d48c7f-7de1-49f5-ba88-07a54202ac7d" providerId="ADAL" clId="{5F27E416-C2E4-477D-BB94-0D2D4A98227C}" dt="2024-09-25T22:38:49.980" v="7" actId="20577"/>
            <ac:spMkLst>
              <pc:docMk/>
              <pc:sldMasterMk cId="2523064765" sldId="2147483660"/>
              <pc:sldLayoutMk cId="2548612008" sldId="2147483690"/>
              <ac:spMk id="10" creationId="{549048C1-340D-44C4-857B-1B201EC9A7E7}"/>
            </ac:spMkLst>
          </pc:spChg>
        </pc:sldLayoutChg>
      </pc:sldMasterChg>
      <pc:sldMasterChg chg="modSldLayout">
        <pc:chgData name="Oscar Llorente Gonzalez" userId="e1d48c7f-7de1-49f5-ba88-07a54202ac7d" providerId="ADAL" clId="{5F27E416-C2E4-477D-BB94-0D2D4A98227C}" dt="2024-09-25T22:38:50.032" v="15" actId="20577"/>
        <pc:sldMasterMkLst>
          <pc:docMk/>
          <pc:sldMasterMk cId="4061182373" sldId="2147483765"/>
        </pc:sldMasterMkLst>
        <pc:sldLayoutChg chg="modSp mod">
          <pc:chgData name="Oscar Llorente Gonzalez" userId="e1d48c7f-7de1-49f5-ba88-07a54202ac7d" providerId="ADAL" clId="{5F27E416-C2E4-477D-BB94-0D2D4A98227C}" dt="2024-09-25T22:38:50.032" v="15" actId="20577"/>
          <pc:sldLayoutMkLst>
            <pc:docMk/>
            <pc:sldMasterMk cId="4061182373" sldId="2147483765"/>
            <pc:sldLayoutMk cId="1967283423" sldId="2147483779"/>
          </pc:sldLayoutMkLst>
          <pc:spChg chg="mod">
            <ac:chgData name="Oscar Llorente Gonzalez" userId="e1d48c7f-7de1-49f5-ba88-07a54202ac7d" providerId="ADAL" clId="{5F27E416-C2E4-477D-BB94-0D2D4A98227C}" dt="2024-09-25T22:38:50.032" v="15" actId="20577"/>
            <ac:spMkLst>
              <pc:docMk/>
              <pc:sldMasterMk cId="4061182373" sldId="2147483765"/>
              <pc:sldLayoutMk cId="1967283423" sldId="2147483779"/>
              <ac:spMk id="8" creationId="{51373698-5BAD-06D6-A158-EF539C33C7ED}"/>
            </ac:spMkLst>
          </pc:spChg>
        </pc:sldLayoutChg>
      </pc:sldMaster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EF6FD348-9C7F-4865-875C-863EC6E2CB80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3294207-A46E-4F9A-91C9-BB4398CEA985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r>
              <a:rPr lang="en-US"/>
              <a:t> 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95105526-C577-427D-800D-7921EA160260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FCA4CFA-39AC-4AB6-B521-EBDB0AF74AF0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67AEDCC-D3AE-4D3E-A1AA-6BA600F277A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54262122"/>
      </p:ext>
    </p:extLst>
  </p:cSld>
  <p:clrMap bg1="lt1" tx1="dk1" bg2="lt2" tx2="dk2" accent1="accent1" accent2="accent2" accent3="accent3" accent4="accent4" accent5="accent5" accent6="accent6" hlink="hlink" folHlink="folHlink"/>
  <p:hf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Ericsson Hilda Light" panose="00000400000000000000" pitchFamily="2" charset="0"/>
              </a:defRPr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Ericsson Hilda Light" panose="00000400000000000000" pitchFamily="2" charset="0"/>
              </a:defRPr>
            </a:lvl1pPr>
          </a:lstStyle>
          <a:p>
            <a:r>
              <a:rPr lang="en-US"/>
              <a:t> </a:t>
            </a:r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Ericsson Hilda Light" panose="00000400000000000000" pitchFamily="2" charset="0"/>
              </a:defRPr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Ericsson Hilda Light" panose="00000400000000000000" pitchFamily="2" charset="0"/>
              </a:defRPr>
            </a:lvl1pPr>
          </a:lstStyle>
          <a:p>
            <a:fld id="{F949BC75-2359-4F98-918A-7033C92AD487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33333820"/>
      </p:ext>
    </p:extLst>
  </p:cSld>
  <p:clrMap bg1="lt1" tx1="dk1" bg2="lt2" tx2="dk2" accent1="accent1" accent2="accent2" accent3="accent3" accent4="accent4" accent5="accent5" accent6="accent6" hlink="hlink" folHlink="folHlink"/>
  <p:hf/>
  <p:notesStyle>
    <a:lvl1pPr marL="0" algn="l" defTabSz="914400" rtl="0" eaLnBrk="1" latinLnBrk="0" hangingPunct="1">
      <a:defRPr sz="1200" kern="1200">
        <a:solidFill>
          <a:schemeClr val="tx1"/>
        </a:solidFill>
        <a:latin typeface="Ericsson Hilda Light" panose="00000400000000000000" pitchFamily="2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Ericsson Hilda Light" panose="00000400000000000000" pitchFamily="2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Ericsson Hilda Light" panose="00000400000000000000" pitchFamily="2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Ericsson Hilda Light" panose="00000400000000000000" pitchFamily="2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Ericsson Hilda Light" panose="00000400000000000000" pitchFamily="2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Header Placeholder 3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pPr marL="0" marR="0" lvl="0" indent="0" algn="l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0" cap="none" spc="0" normalizeH="0" baseline="0" noProof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Ericsson Hilda Light" panose="00000400000000000000" pitchFamily="2" charset="0"/>
            </a:endParaRPr>
          </a:p>
        </p:txBody>
      </p:sp>
      <p:sp>
        <p:nvSpPr>
          <p:cNvPr id="5" name="Date Placeholder 4"/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pPr marL="0" marR="0" lvl="0" indent="0" algn="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0" cap="none" spc="0" normalizeH="0" baseline="0" noProof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Ericsson Hilda Light" panose="00000400000000000000" pitchFamily="2" charset="0"/>
              </a:rPr>
              <a:t> 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pPr marL="0" marR="0" lvl="0" indent="0" algn="l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0" cap="none" spc="0" normalizeH="0" baseline="0" noProof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Ericsson Hilda Light" panose="00000400000000000000" pitchFamily="2" charset="0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F949BC75-2359-4F98-918A-7033C92AD487}" type="slidenum">
              <a:rPr kumimoji="0" lang="en-US" sz="1200" b="0" i="0" u="none" strike="noStrike" kern="0" cap="none" spc="0" normalizeH="0" baseline="0" noProof="0" smtClean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Ericsson Hilda Light" panose="00000400000000000000" pitchFamily="2" charset="0"/>
              </a:rPr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</a:t>
            </a:fld>
            <a:endParaRPr kumimoji="0" lang="en-US" sz="1200" b="0" i="0" u="none" strike="noStrike" kern="0" cap="none" spc="0" normalizeH="0" baseline="0" noProof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Ericsson Hilda Light" panose="00000400000000000000" pitchFamily="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81741882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jp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10.svg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sv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sv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11.pn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5.svg"/></Relationships>
</file>

<file path=ppt/slideLayouts/_rels/slideLayout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12.jpe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5.svg"/></Relationships>
</file>

<file path=ppt/slideLayouts/_rels/slideLayout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13.jpe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5.svg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jpeg"/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5.pn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10.svg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sv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5.pn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10.svg"/></Relationships>
</file>

<file path=ppt/slideLayouts/_rels/slideLayout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sv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2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svg"/><Relationship Id="rId2" Type="http://schemas.openxmlformats.org/officeDocument/2006/relationships/image" Target="../media/image16.png"/><Relationship Id="rId1" Type="http://schemas.openxmlformats.org/officeDocument/2006/relationships/slideMaster" Target="../slideMasters/slideMaster2.xml"/></Relationships>
</file>

<file path=ppt/slideLayouts/_rels/slideLayout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2" Type="http://schemas.openxmlformats.org/officeDocument/2006/relationships/tags" Target="../tags/tag3.xml"/><Relationship Id="rId1" Type="http://schemas.openxmlformats.org/officeDocument/2006/relationships/tags" Target="../tags/tag2.xml"/><Relationship Id="rId6" Type="http://schemas.openxmlformats.org/officeDocument/2006/relationships/image" Target="../media/image19.png"/><Relationship Id="rId5" Type="http://schemas.openxmlformats.org/officeDocument/2006/relationships/image" Target="../media/image18.emf"/><Relationship Id="rId4" Type="http://schemas.openxmlformats.org/officeDocument/2006/relationships/oleObject" Target="../embeddings/oleObject2.bin"/></Relationships>
</file>

<file path=ppt/slideLayouts/_rels/slideLayout5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2" Type="http://schemas.openxmlformats.org/officeDocument/2006/relationships/tags" Target="../tags/tag5.xml"/><Relationship Id="rId1" Type="http://schemas.openxmlformats.org/officeDocument/2006/relationships/tags" Target="../tags/tag4.xml"/><Relationship Id="rId5" Type="http://schemas.openxmlformats.org/officeDocument/2006/relationships/image" Target="../media/image18.emf"/><Relationship Id="rId4" Type="http://schemas.openxmlformats.org/officeDocument/2006/relationships/oleObject" Target="../embeddings/oleObject3.bin"/></Relationships>
</file>

<file path=ppt/slideLayouts/_rels/slideLayout5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2" Type="http://schemas.openxmlformats.org/officeDocument/2006/relationships/tags" Target="../tags/tag7.xml"/><Relationship Id="rId1" Type="http://schemas.openxmlformats.org/officeDocument/2006/relationships/tags" Target="../tags/tag6.xml"/><Relationship Id="rId5" Type="http://schemas.openxmlformats.org/officeDocument/2006/relationships/image" Target="../media/image18.emf"/><Relationship Id="rId4" Type="http://schemas.openxmlformats.org/officeDocument/2006/relationships/oleObject" Target="../embeddings/oleObject4.bin"/></Relationships>
</file>

<file path=ppt/slideLayouts/_rels/slideLayout5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2" Type="http://schemas.openxmlformats.org/officeDocument/2006/relationships/tags" Target="../tags/tag9.xml"/><Relationship Id="rId1" Type="http://schemas.openxmlformats.org/officeDocument/2006/relationships/tags" Target="../tags/tag8.xml"/><Relationship Id="rId5" Type="http://schemas.openxmlformats.org/officeDocument/2006/relationships/image" Target="../media/image18.emf"/><Relationship Id="rId4" Type="http://schemas.openxmlformats.org/officeDocument/2006/relationships/oleObject" Target="../embeddings/oleObject5.bin"/></Relationships>
</file>

<file path=ppt/slideLayouts/_rels/slideLayout5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2" Type="http://schemas.openxmlformats.org/officeDocument/2006/relationships/tags" Target="../tags/tag11.xml"/><Relationship Id="rId1" Type="http://schemas.openxmlformats.org/officeDocument/2006/relationships/tags" Target="../tags/tag10.xml"/><Relationship Id="rId5" Type="http://schemas.openxmlformats.org/officeDocument/2006/relationships/image" Target="../media/image18.emf"/><Relationship Id="rId4" Type="http://schemas.openxmlformats.org/officeDocument/2006/relationships/oleObject" Target="../embeddings/oleObject6.bin"/></Relationships>
</file>

<file path=ppt/slideLayouts/_rels/slideLayout5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2" Type="http://schemas.openxmlformats.org/officeDocument/2006/relationships/tags" Target="../tags/tag13.xml"/><Relationship Id="rId1" Type="http://schemas.openxmlformats.org/officeDocument/2006/relationships/tags" Target="../tags/tag12.xml"/><Relationship Id="rId5" Type="http://schemas.openxmlformats.org/officeDocument/2006/relationships/image" Target="../media/image18.emf"/><Relationship Id="rId4" Type="http://schemas.openxmlformats.org/officeDocument/2006/relationships/oleObject" Target="../embeddings/oleObject7.bin"/></Relationships>
</file>

<file path=ppt/slideLayouts/_rels/slideLayout59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2" Type="http://schemas.openxmlformats.org/officeDocument/2006/relationships/tags" Target="../tags/tag15.xml"/><Relationship Id="rId1" Type="http://schemas.openxmlformats.org/officeDocument/2006/relationships/tags" Target="../tags/tag14.xml"/><Relationship Id="rId5" Type="http://schemas.openxmlformats.org/officeDocument/2006/relationships/image" Target="../media/image18.emf"/><Relationship Id="rId4" Type="http://schemas.openxmlformats.org/officeDocument/2006/relationships/oleObject" Target="../embeddings/oleObject8.bin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2" Type="http://schemas.openxmlformats.org/officeDocument/2006/relationships/tags" Target="../tags/tag17.xml"/><Relationship Id="rId1" Type="http://schemas.openxmlformats.org/officeDocument/2006/relationships/tags" Target="../tags/tag16.xml"/><Relationship Id="rId5" Type="http://schemas.openxmlformats.org/officeDocument/2006/relationships/image" Target="../media/image18.emf"/><Relationship Id="rId4" Type="http://schemas.openxmlformats.org/officeDocument/2006/relationships/oleObject" Target="../embeddings/oleObject9.bin"/></Relationships>
</file>

<file path=ppt/slideLayouts/_rels/slideLayout6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2" Type="http://schemas.openxmlformats.org/officeDocument/2006/relationships/tags" Target="../tags/tag19.xml"/><Relationship Id="rId1" Type="http://schemas.openxmlformats.org/officeDocument/2006/relationships/tags" Target="../tags/tag18.xml"/><Relationship Id="rId5" Type="http://schemas.openxmlformats.org/officeDocument/2006/relationships/image" Target="../media/image18.emf"/><Relationship Id="rId4" Type="http://schemas.openxmlformats.org/officeDocument/2006/relationships/oleObject" Target="../embeddings/oleObject10.bin"/></Relationships>
</file>

<file path=ppt/slideLayouts/_rels/slideLayout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3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1.bin"/><Relationship Id="rId2" Type="http://schemas.openxmlformats.org/officeDocument/2006/relationships/slideMaster" Target="../slideMasters/slideMaster2.xml"/><Relationship Id="rId1" Type="http://schemas.openxmlformats.org/officeDocument/2006/relationships/tags" Target="../tags/tag20.xml"/><Relationship Id="rId4" Type="http://schemas.openxmlformats.org/officeDocument/2006/relationships/image" Target="../media/image20.emf"/></Relationships>
</file>

<file path=ppt/slideLayouts/_rels/slideLayout6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sv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65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2.bin"/><Relationship Id="rId2" Type="http://schemas.openxmlformats.org/officeDocument/2006/relationships/slideMaster" Target="../slideMasters/slideMaster2.xml"/><Relationship Id="rId1" Type="http://schemas.openxmlformats.org/officeDocument/2006/relationships/tags" Target="../tags/tag21.xml"/><Relationship Id="rId4" Type="http://schemas.openxmlformats.org/officeDocument/2006/relationships/image" Target="../media/image20.emf"/></Relationships>
</file>

<file path=ppt/slideLayouts/_rels/slideLayout6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2" Type="http://schemas.openxmlformats.org/officeDocument/2006/relationships/tags" Target="../tags/tag23.xml"/><Relationship Id="rId1" Type="http://schemas.openxmlformats.org/officeDocument/2006/relationships/tags" Target="../tags/tag22.xml"/><Relationship Id="rId6" Type="http://schemas.openxmlformats.org/officeDocument/2006/relationships/image" Target="../media/image21.png"/><Relationship Id="rId5" Type="http://schemas.openxmlformats.org/officeDocument/2006/relationships/image" Target="../media/image18.emf"/><Relationship Id="rId4" Type="http://schemas.openxmlformats.org/officeDocument/2006/relationships/oleObject" Target="../embeddings/oleObject13.bin"/></Relationships>
</file>

<file path=ppt/slideLayouts/_rels/slideLayout6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2" Type="http://schemas.openxmlformats.org/officeDocument/2006/relationships/tags" Target="../tags/tag25.xml"/><Relationship Id="rId1" Type="http://schemas.openxmlformats.org/officeDocument/2006/relationships/tags" Target="../tags/tag24.xml"/><Relationship Id="rId6" Type="http://schemas.openxmlformats.org/officeDocument/2006/relationships/image" Target="../media/image21.png"/><Relationship Id="rId5" Type="http://schemas.openxmlformats.org/officeDocument/2006/relationships/image" Target="../media/image18.emf"/><Relationship Id="rId4" Type="http://schemas.openxmlformats.org/officeDocument/2006/relationships/oleObject" Target="../embeddings/oleObject14.bin"/></Relationships>
</file>

<file path=ppt/slideLayouts/_rels/slideLayout6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2" Type="http://schemas.openxmlformats.org/officeDocument/2006/relationships/tags" Target="../tags/tag27.xml"/><Relationship Id="rId1" Type="http://schemas.openxmlformats.org/officeDocument/2006/relationships/tags" Target="../tags/tag26.xml"/><Relationship Id="rId6" Type="http://schemas.openxmlformats.org/officeDocument/2006/relationships/image" Target="../media/image21.png"/><Relationship Id="rId5" Type="http://schemas.openxmlformats.org/officeDocument/2006/relationships/image" Target="../media/image18.emf"/><Relationship Id="rId4" Type="http://schemas.openxmlformats.org/officeDocument/2006/relationships/oleObject" Target="../embeddings/oleObject15.bin"/></Relationships>
</file>

<file path=ppt/slideLayouts/_rels/slideLayout69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6.bin"/><Relationship Id="rId2" Type="http://schemas.openxmlformats.org/officeDocument/2006/relationships/slideMaster" Target="../slideMasters/slideMaster2.xml"/><Relationship Id="rId1" Type="http://schemas.openxmlformats.org/officeDocument/2006/relationships/tags" Target="../tags/tag28.xml"/><Relationship Id="rId5" Type="http://schemas.openxmlformats.org/officeDocument/2006/relationships/image" Target="../media/image22.png"/><Relationship Id="rId4" Type="http://schemas.openxmlformats.org/officeDocument/2006/relationships/image" Target="../media/image18.emf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0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2" Type="http://schemas.openxmlformats.org/officeDocument/2006/relationships/tags" Target="../tags/tag30.xml"/><Relationship Id="rId1" Type="http://schemas.openxmlformats.org/officeDocument/2006/relationships/tags" Target="../tags/tag29.xml"/><Relationship Id="rId5" Type="http://schemas.openxmlformats.org/officeDocument/2006/relationships/image" Target="../media/image18.emf"/><Relationship Id="rId4" Type="http://schemas.openxmlformats.org/officeDocument/2006/relationships/oleObject" Target="../embeddings/oleObject17.bin"/></Relationships>
</file>

<file path=ppt/slideLayouts/_rels/slideLayout7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2" Type="http://schemas.openxmlformats.org/officeDocument/2006/relationships/tags" Target="../tags/tag32.xml"/><Relationship Id="rId1" Type="http://schemas.openxmlformats.org/officeDocument/2006/relationships/tags" Target="../tags/tag31.xml"/><Relationship Id="rId5" Type="http://schemas.openxmlformats.org/officeDocument/2006/relationships/image" Target="../media/image18.emf"/><Relationship Id="rId4" Type="http://schemas.openxmlformats.org/officeDocument/2006/relationships/oleObject" Target="../embeddings/oleObject18.bin"/></Relationships>
</file>

<file path=ppt/slideLayouts/_rels/slideLayout7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2" Type="http://schemas.openxmlformats.org/officeDocument/2006/relationships/tags" Target="../tags/tag34.xml"/><Relationship Id="rId1" Type="http://schemas.openxmlformats.org/officeDocument/2006/relationships/tags" Target="../tags/tag33.xml"/><Relationship Id="rId5" Type="http://schemas.openxmlformats.org/officeDocument/2006/relationships/image" Target="../media/image18.emf"/><Relationship Id="rId4" Type="http://schemas.openxmlformats.org/officeDocument/2006/relationships/oleObject" Target="../embeddings/oleObject19.bin"/></Relationships>
</file>

<file path=ppt/slideLayouts/_rels/slideLayout7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2" Type="http://schemas.openxmlformats.org/officeDocument/2006/relationships/tags" Target="../tags/tag36.xml"/><Relationship Id="rId1" Type="http://schemas.openxmlformats.org/officeDocument/2006/relationships/tags" Target="../tags/tag35.xml"/><Relationship Id="rId5" Type="http://schemas.openxmlformats.org/officeDocument/2006/relationships/image" Target="../media/image18.emf"/><Relationship Id="rId4" Type="http://schemas.openxmlformats.org/officeDocument/2006/relationships/oleObject" Target="../embeddings/oleObject20.bin"/></Relationships>
</file>

<file path=ppt/slideLayouts/_rels/slideLayout7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2" Type="http://schemas.openxmlformats.org/officeDocument/2006/relationships/tags" Target="../tags/tag38.xml"/><Relationship Id="rId1" Type="http://schemas.openxmlformats.org/officeDocument/2006/relationships/tags" Target="../tags/tag37.xml"/><Relationship Id="rId5" Type="http://schemas.openxmlformats.org/officeDocument/2006/relationships/image" Target="../media/image18.emf"/><Relationship Id="rId4" Type="http://schemas.openxmlformats.org/officeDocument/2006/relationships/oleObject" Target="../embeddings/oleObject21.bin"/></Relationships>
</file>

<file path=ppt/slideLayouts/_rels/slideLayout7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2" Type="http://schemas.openxmlformats.org/officeDocument/2006/relationships/tags" Target="../tags/tag40.xml"/><Relationship Id="rId1" Type="http://schemas.openxmlformats.org/officeDocument/2006/relationships/tags" Target="../tags/tag39.xml"/><Relationship Id="rId5" Type="http://schemas.openxmlformats.org/officeDocument/2006/relationships/image" Target="../media/image18.emf"/><Relationship Id="rId4" Type="http://schemas.openxmlformats.org/officeDocument/2006/relationships/oleObject" Target="../embeddings/oleObject22.bin"/></Relationships>
</file>

<file path=ppt/slideLayouts/_rels/slideLayout7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2" Type="http://schemas.openxmlformats.org/officeDocument/2006/relationships/tags" Target="../tags/tag42.xml"/><Relationship Id="rId1" Type="http://schemas.openxmlformats.org/officeDocument/2006/relationships/tags" Target="../tags/tag41.xml"/><Relationship Id="rId5" Type="http://schemas.openxmlformats.org/officeDocument/2006/relationships/image" Target="../media/image18.emf"/><Relationship Id="rId4" Type="http://schemas.openxmlformats.org/officeDocument/2006/relationships/oleObject" Target="../embeddings/oleObject23.bin"/></Relationships>
</file>

<file path=ppt/slideLayouts/_rels/slideLayout7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2" Type="http://schemas.openxmlformats.org/officeDocument/2006/relationships/tags" Target="../tags/tag44.xml"/><Relationship Id="rId1" Type="http://schemas.openxmlformats.org/officeDocument/2006/relationships/tags" Target="../tags/tag43.xml"/><Relationship Id="rId6" Type="http://schemas.openxmlformats.org/officeDocument/2006/relationships/image" Target="../media/image21.png"/><Relationship Id="rId5" Type="http://schemas.openxmlformats.org/officeDocument/2006/relationships/image" Target="../media/image18.emf"/><Relationship Id="rId4" Type="http://schemas.openxmlformats.org/officeDocument/2006/relationships/oleObject" Target="../embeddings/oleObject24.bin"/></Relationships>
</file>

<file path=ppt/slideLayouts/_rels/slideLayout7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2" Type="http://schemas.openxmlformats.org/officeDocument/2006/relationships/tags" Target="../tags/tag46.xml"/><Relationship Id="rId1" Type="http://schemas.openxmlformats.org/officeDocument/2006/relationships/tags" Target="../tags/tag45.xml"/><Relationship Id="rId6" Type="http://schemas.openxmlformats.org/officeDocument/2006/relationships/image" Target="../media/image21.png"/><Relationship Id="rId5" Type="http://schemas.openxmlformats.org/officeDocument/2006/relationships/image" Target="../media/image18.emf"/><Relationship Id="rId4" Type="http://schemas.openxmlformats.org/officeDocument/2006/relationships/oleObject" Target="../embeddings/oleObject25.bin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531" name="Title_TM"/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5" y="476250"/>
            <a:ext cx="8353426" cy="3457576"/>
          </a:xfrm>
        </p:spPr>
        <p:txBody>
          <a:bodyPr/>
          <a:lstStyle>
            <a:lvl1pPr>
              <a:lnSpc>
                <a:spcPct val="85000"/>
              </a:lnSpc>
              <a:defRPr sz="8000" b="0" kern="1400" spc="-160" baseline="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US"/>
              <a:t>Title/cover page,   Ericsson Hilda Light 80pt, max 3-lines</a:t>
            </a:r>
          </a:p>
        </p:txBody>
      </p:sp>
      <p:sp>
        <p:nvSpPr>
          <p:cNvPr id="22530" name="SubTitle_TM"/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79425" y="4149725"/>
            <a:ext cx="5472114" cy="2087563"/>
          </a:xfrm>
          <a:prstGeom prst="rect">
            <a:avLst/>
          </a:prstGeom>
        </p:spPr>
        <p:txBody>
          <a:bodyPr lIns="72000" anchor="t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Description/subtitle/speaker…</a:t>
            </a:r>
            <a:br>
              <a:rPr lang="en-US"/>
            </a:br>
            <a:r>
              <a:rPr lang="en-US"/>
              <a:t>Ericsson Hilda Black 20p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quarter" idx="10" hasCustomPrompt="1"/>
          </p:nvPr>
        </p:nvSpPr>
        <p:spPr>
          <a:xfrm>
            <a:off x="6240463" y="6264000"/>
            <a:ext cx="1910479" cy="262800"/>
          </a:xfrm>
          <a:prstGeom prst="rect">
            <a:avLst/>
          </a:prstGeom>
        </p:spPr>
        <p:txBody>
          <a:bodyPr wrap="none" tIns="0" bIns="0" anchor="ctr" anchorCtr="0"/>
          <a:lstStyle>
            <a:lvl1pPr marL="0" indent="0" algn="r">
              <a:buNone/>
              <a:defRPr sz="12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dirty="0"/>
              <a:t>Speaker name</a:t>
            </a:r>
          </a:p>
        </p:txBody>
      </p:sp>
      <p:sp>
        <p:nvSpPr>
          <p:cNvPr id="12" name="Content Placeholder 11"/>
          <p:cNvSpPr>
            <a:spLocks noGrp="1"/>
          </p:cNvSpPr>
          <p:nvPr>
            <p:ph sz="quarter" idx="11" hasCustomPrompt="1"/>
          </p:nvPr>
        </p:nvSpPr>
        <p:spPr>
          <a:xfrm>
            <a:off x="8229600" y="6264000"/>
            <a:ext cx="2515041" cy="262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tIns="0" rIns="0" bIns="0" anchor="ctr" anchorCtr="0"/>
          <a:lstStyle>
            <a:lvl1pPr marL="0" indent="0" algn="ctr">
              <a:buNone/>
              <a:defRPr lang="en-US" sz="1200" dirty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Organization</a:t>
            </a:r>
          </a:p>
        </p:txBody>
      </p:sp>
      <p:sp>
        <p:nvSpPr>
          <p:cNvPr id="15" name="Content Placeholder 11"/>
          <p:cNvSpPr>
            <a:spLocks noGrp="1"/>
          </p:cNvSpPr>
          <p:nvPr>
            <p:ph sz="quarter" idx="12" hasCustomPrompt="1"/>
          </p:nvPr>
        </p:nvSpPr>
        <p:spPr>
          <a:xfrm>
            <a:off x="10811951" y="6264000"/>
            <a:ext cx="897503" cy="262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tIns="0" rIns="0" bIns="0" anchor="ctr" anchorCtr="0"/>
          <a:lstStyle>
            <a:lvl1pPr marL="0" indent="0" algn="ctr">
              <a:buNone/>
              <a:defRPr lang="en-US" sz="1200" dirty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US"/>
              <a:t>YYYY-MM-DD</a:t>
            </a:r>
          </a:p>
        </p:txBody>
      </p:sp>
    </p:spTree>
    <p:extLst>
      <p:ext uri="{BB962C8B-B14F-4D97-AF65-F5344CB8AC3E}">
        <p14:creationId xmlns:p14="http://schemas.microsoft.com/office/powerpoint/2010/main" val="1374575616"/>
      </p:ext>
    </p:extLst>
  </p:cSld>
  <p:clrMapOvr>
    <a:masterClrMapping/>
  </p:clrMapOvr>
  <p:hf sldNum="0" hdr="0" ftr="0"/>
  <p:extLst>
    <p:ext uri="{DCECCB84-F9BA-43D5-87BE-67443E8EF086}">
      <p15:sldGuideLst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4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_SM">
            <a:extLst>
              <a:ext uri="{FF2B5EF4-FFF2-40B4-BE49-F238E27FC236}">
                <a16:creationId xmlns:a16="http://schemas.microsoft.com/office/drawing/2014/main" id="{2C948968-FB06-45CC-8259-6BDE4430EACB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  <p:sp>
        <p:nvSpPr>
          <p:cNvPr id="3" name="Content Placeholder 1"/>
          <p:cNvSpPr>
            <a:spLocks noGrp="1"/>
          </p:cNvSpPr>
          <p:nvPr>
            <p:ph sz="quarter" idx="1" hasCustomPrompt="1"/>
          </p:nvPr>
        </p:nvSpPr>
        <p:spPr>
          <a:xfrm>
            <a:off x="481655" y="1844674"/>
            <a:ext cx="5472113" cy="2089151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4" name="Content Placeholder 2"/>
          <p:cNvSpPr>
            <a:spLocks noGrp="1"/>
          </p:cNvSpPr>
          <p:nvPr>
            <p:ph sz="quarter" idx="2" hasCustomPrompt="1"/>
          </p:nvPr>
        </p:nvSpPr>
        <p:spPr>
          <a:xfrm>
            <a:off x="6242694" y="1847723"/>
            <a:ext cx="5472113" cy="2089151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6" name="Content Placeholder 3"/>
          <p:cNvSpPr>
            <a:spLocks noGrp="1"/>
          </p:cNvSpPr>
          <p:nvPr>
            <p:ph sz="quarter" idx="4" hasCustomPrompt="1"/>
          </p:nvPr>
        </p:nvSpPr>
        <p:spPr>
          <a:xfrm>
            <a:off x="6242694" y="4151955"/>
            <a:ext cx="5472113" cy="2087564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7" name="Content Placeholder 4">
            <a:extLst>
              <a:ext uri="{FF2B5EF4-FFF2-40B4-BE49-F238E27FC236}">
                <a16:creationId xmlns:a16="http://schemas.microsoft.com/office/drawing/2014/main" id="{5BD2C41D-0700-4885-AB77-25AFFE4E1FDA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81655" y="4152597"/>
            <a:ext cx="5472113" cy="2089151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10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549048C1-340D-44C4-857B-1B201EC9A7E7}"/>
              </a:ext>
            </a:extLst>
          </p:cNvPr>
          <p:cNvSpPr txBox="1"/>
          <p:nvPr userDrawn="1"/>
        </p:nvSpPr>
        <p:spPr>
          <a:xfrm>
            <a:off x="421638" y="6524625"/>
            <a:ext cx="4861908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tx1"/>
                </a:solidFill>
                <a:latin typeface="+mn-lt"/>
              </a:rPr>
              <a:t>  |  EPHILFR Philipp Frank  |  A  |  2023-09-08  |  CNS AI Differentiators  |  Ericsson Confidential  |  Page </a:t>
            </a:r>
            <a:fld id="{DCBAE91A-0D66-407E-A95B-C3A02474A571}" type="slidenum">
              <a:rPr lang="en-US" sz="800" b="0" i="0" u="none" smtClean="0">
                <a:solidFill>
                  <a:schemeClr val="tx1"/>
                </a:solidFill>
                <a:latin typeface="+mn-lt"/>
              </a:rPr>
              <a:t>‹#›</a:t>
            </a:fld>
            <a:r>
              <a:rPr lang="en-US" sz="800" b="0" i="0" u="none">
                <a:solidFill>
                  <a:schemeClr val="tx1"/>
                </a:solidFill>
                <a:latin typeface="+mn-lt"/>
              </a:rPr>
              <a:t> of 7</a:t>
            </a:r>
          </a:p>
        </p:txBody>
      </p:sp>
    </p:spTree>
    <p:extLst>
      <p:ext uri="{BB962C8B-B14F-4D97-AF65-F5344CB8AC3E}">
        <p14:creationId xmlns:p14="http://schemas.microsoft.com/office/powerpoint/2010/main" val="254861200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8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_SM">
            <a:extLst>
              <a:ext uri="{FF2B5EF4-FFF2-40B4-BE49-F238E27FC236}">
                <a16:creationId xmlns:a16="http://schemas.microsoft.com/office/drawing/2014/main" id="{99858DC4-E787-41D2-A613-961D60F89117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  <p:sp>
        <p:nvSpPr>
          <p:cNvPr id="3" name="Content Placeholder 1"/>
          <p:cNvSpPr>
            <a:spLocks noGrp="1"/>
          </p:cNvSpPr>
          <p:nvPr>
            <p:ph sz="quarter" idx="1" hasCustomPrompt="1"/>
          </p:nvPr>
        </p:nvSpPr>
        <p:spPr>
          <a:xfrm>
            <a:off x="481560" y="1844675"/>
            <a:ext cx="2592389" cy="2089150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4" name="Content Placeholder 2"/>
          <p:cNvSpPr>
            <a:spLocks noGrp="1"/>
          </p:cNvSpPr>
          <p:nvPr>
            <p:ph sz="quarter" idx="2" hasCustomPrompt="1"/>
          </p:nvPr>
        </p:nvSpPr>
        <p:spPr>
          <a:xfrm>
            <a:off x="6243216" y="1844674"/>
            <a:ext cx="2592387" cy="2089150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>
                <a:solidFill>
                  <a:schemeClr val="tx1"/>
                </a:solidFill>
              </a:defRPr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3"/>
            <a:endParaRPr lang="en-US"/>
          </a:p>
        </p:txBody>
      </p:sp>
      <p:sp>
        <p:nvSpPr>
          <p:cNvPr id="5" name="Content Placeholder 3"/>
          <p:cNvSpPr>
            <a:spLocks noGrp="1"/>
          </p:cNvSpPr>
          <p:nvPr>
            <p:ph sz="quarter" idx="3" hasCustomPrompt="1"/>
          </p:nvPr>
        </p:nvSpPr>
        <p:spPr>
          <a:xfrm>
            <a:off x="481561" y="4151134"/>
            <a:ext cx="2592389" cy="2087563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6" name="Content Placeholder 4"/>
          <p:cNvSpPr>
            <a:spLocks noGrp="1"/>
          </p:cNvSpPr>
          <p:nvPr>
            <p:ph sz="quarter" idx="4" hasCustomPrompt="1"/>
          </p:nvPr>
        </p:nvSpPr>
        <p:spPr>
          <a:xfrm>
            <a:off x="6243152" y="4151245"/>
            <a:ext cx="2592387" cy="2086292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 marL="1028700" indent="0">
              <a:buNone/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9" name="Content Placeholder 5"/>
          <p:cNvSpPr>
            <a:spLocks noGrp="1"/>
          </p:cNvSpPr>
          <p:nvPr>
            <p:ph sz="quarter" idx="11" hasCustomPrompt="1"/>
          </p:nvPr>
        </p:nvSpPr>
        <p:spPr>
          <a:xfrm>
            <a:off x="3359835" y="1844674"/>
            <a:ext cx="2592388" cy="2089150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8" name="Content Placeholder 6"/>
          <p:cNvSpPr>
            <a:spLocks noGrp="1"/>
          </p:cNvSpPr>
          <p:nvPr>
            <p:ph sz="quarter" idx="10" hasCustomPrompt="1"/>
          </p:nvPr>
        </p:nvSpPr>
        <p:spPr>
          <a:xfrm>
            <a:off x="3361288" y="4151861"/>
            <a:ext cx="2592387" cy="2087563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11" name="Content Placeholder 7"/>
          <p:cNvSpPr>
            <a:spLocks noGrp="1"/>
          </p:cNvSpPr>
          <p:nvPr>
            <p:ph sz="quarter" idx="13" hasCustomPrompt="1"/>
          </p:nvPr>
        </p:nvSpPr>
        <p:spPr>
          <a:xfrm>
            <a:off x="9122324" y="1844674"/>
            <a:ext cx="2592387" cy="2089151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>
                <a:solidFill>
                  <a:schemeClr val="tx1"/>
                </a:solidFill>
              </a:defRPr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3"/>
            <a:endParaRPr lang="en-US"/>
          </a:p>
        </p:txBody>
      </p:sp>
      <p:sp>
        <p:nvSpPr>
          <p:cNvPr id="10" name="Content Placeholder 8"/>
          <p:cNvSpPr>
            <a:spLocks noGrp="1"/>
          </p:cNvSpPr>
          <p:nvPr>
            <p:ph sz="quarter" idx="12" hasCustomPrompt="1"/>
          </p:nvPr>
        </p:nvSpPr>
        <p:spPr>
          <a:xfrm>
            <a:off x="9122324" y="4151861"/>
            <a:ext cx="2592387" cy="2087562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14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089CBEB5-348B-49F3-8F8B-FDEE08950E37}"/>
              </a:ext>
            </a:extLst>
          </p:cNvPr>
          <p:cNvSpPr txBox="1"/>
          <p:nvPr userDrawn="1"/>
        </p:nvSpPr>
        <p:spPr>
          <a:xfrm>
            <a:off x="421638" y="6524625"/>
            <a:ext cx="4861908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tx1"/>
                </a:solidFill>
                <a:latin typeface="+mn-lt"/>
              </a:rPr>
              <a:t>  |  EPHILFR Philipp Frank  |  A  |  2023-09-08  |  CNS AI Differentiators  |  Ericsson Confidential  |  Page </a:t>
            </a:r>
            <a:fld id="{802F36AA-85B7-4F41-9421-C43E42E9330B}" type="slidenum">
              <a:rPr lang="en-US" sz="800" b="0" i="0" u="none" smtClean="0">
                <a:solidFill>
                  <a:schemeClr val="tx1"/>
                </a:solidFill>
                <a:latin typeface="+mn-lt"/>
              </a:rPr>
              <a:t>‹#›</a:t>
            </a:fld>
            <a:r>
              <a:rPr lang="en-US" sz="800" b="0" i="0" u="none">
                <a:solidFill>
                  <a:schemeClr val="tx1"/>
                </a:solidFill>
                <a:latin typeface="+mn-lt"/>
              </a:rPr>
              <a:t> of 7</a:t>
            </a:r>
          </a:p>
        </p:txBody>
      </p:sp>
    </p:spTree>
    <p:extLst>
      <p:ext uri="{BB962C8B-B14F-4D97-AF65-F5344CB8AC3E}">
        <p14:creationId xmlns:p14="http://schemas.microsoft.com/office/powerpoint/2010/main" val="1436988196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logo end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ubTitle_TM">
            <a:extLst>
              <a:ext uri="{FF2B5EF4-FFF2-40B4-BE49-F238E27FC236}">
                <a16:creationId xmlns:a16="http://schemas.microsoft.com/office/drawing/2014/main" id="{B200748E-0B61-48E1-8B47-504C30250995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3071813" y="4309200"/>
            <a:ext cx="6048375" cy="347472"/>
          </a:xfrm>
          <a:prstGeom prst="rect">
            <a:avLst/>
          </a:prstGeom>
        </p:spPr>
        <p:txBody>
          <a:bodyPr rIns="7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Use this space for relevant Ericsson URLs or hashtags</a:t>
            </a:r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8979B00C-7C1F-4F17-8D52-31D787A1234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506895" y="2854112"/>
            <a:ext cx="1163145" cy="11631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76168519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mbedded character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4">
            <a:extLst>
              <a:ext uri="{FF2B5EF4-FFF2-40B4-BE49-F238E27FC236}">
                <a16:creationId xmlns:a16="http://schemas.microsoft.com/office/drawing/2014/main" id="{99AF35DD-3E5E-42CB-AFA5-5E09E14F72A4}"/>
              </a:ext>
            </a:extLst>
          </p:cNvPr>
          <p:cNvSpPr txBox="1"/>
          <p:nvPr userDrawn="1"/>
        </p:nvSpPr>
        <p:spPr bwMode="auto">
          <a:xfrm>
            <a:off x="479425" y="142897"/>
            <a:ext cx="11233149" cy="656121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indent="0">
              <a:buClr>
                <a:schemeClr val="tx1"/>
              </a:buClr>
              <a:buFont typeface="Ericsson Hilda Light" panose="00000400000000000000" pitchFamily="2" charset="0"/>
              <a:buNone/>
            </a:pPr>
            <a:r>
              <a:rPr lang="en-US" sz="1400" b="1">
                <a:solidFill>
                  <a:schemeClr val="tx1"/>
                </a:solidFill>
                <a:latin typeface="+mn-lt"/>
              </a:rPr>
              <a:t>This Master Slide is to ensure that all our characters are embedded with the presentation. Should not be used in a presentation.</a:t>
            </a:r>
            <a:endParaRPr lang="en-US"/>
          </a:p>
          <a:p>
            <a:pPr marL="0" indent="0">
              <a:buClr>
                <a:schemeClr val="tx1"/>
              </a:buClr>
              <a:buFont typeface="Ericsson Hilda Light" panose="00000400000000000000" pitchFamily="2" charset="0"/>
              <a:buNone/>
            </a:pPr>
            <a:endParaRPr lang="en-US" sz="1400" b="1">
              <a:solidFill>
                <a:schemeClr val="tx1"/>
              </a:solidFill>
              <a:latin typeface="+mn-lt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200" u="sng" err="1">
                <a:solidFill>
                  <a:schemeClr val="tx1"/>
                </a:solidFill>
                <a:latin typeface="Ericsson Hilda ExtraLight" panose="00000300000000000000" pitchFamily="2" charset="0"/>
              </a:rPr>
              <a:t>EricssonHilda</a:t>
            </a:r>
            <a:r>
              <a:rPr lang="en-US" sz="1200" u="sng">
                <a:solidFill>
                  <a:schemeClr val="tx1"/>
                </a:solidFill>
                <a:latin typeface="Ericsson Hilda ExtraLight" panose="00000300000000000000" pitchFamily="2" charset="0"/>
              </a:rPr>
              <a:t>(</a:t>
            </a:r>
            <a:r>
              <a:rPr lang="en-US" sz="1200" u="sng" err="1">
                <a:solidFill>
                  <a:schemeClr val="tx1"/>
                </a:solidFill>
                <a:latin typeface="Ericsson Hilda ExtraLight" panose="00000300000000000000" pitchFamily="2" charset="0"/>
              </a:rPr>
              <a:t>ExtraLight</a:t>
            </a:r>
            <a:r>
              <a:rPr lang="en-US" sz="1200" u="sng">
                <a:solidFill>
                  <a:schemeClr val="tx1"/>
                </a:solidFill>
                <a:latin typeface="Ericsson Hilda ExtraLight" panose="00000300000000000000" pitchFamily="2" charset="0"/>
              </a:rPr>
              <a:t>):</a:t>
            </a:r>
            <a:r>
              <a:rPr lang="en-US" sz="1200">
                <a:solidFill>
                  <a:schemeClr val="tx1"/>
                </a:solidFill>
                <a:latin typeface="Ericsson Hilda ExtraLight" panose="00000300000000000000" pitchFamily="2" charset="0"/>
              </a:rPr>
              <a:t>!"#$%&amp;'()*+,./0123456789:;&lt;=&gt;?@ABCDEFGHIJKLMNOPQRSTUVWXYZ[\]^_`</a:t>
            </a:r>
            <a:r>
              <a:rPr lang="en-US" sz="1200" err="1">
                <a:solidFill>
                  <a:schemeClr val="tx1"/>
                </a:solidFill>
                <a:latin typeface="Ericsson Hilda ExtraLight" panose="00000300000000000000" pitchFamily="2" charset="0"/>
              </a:rPr>
              <a:t>abcdefghijklmnopqrstuvwxyz</a:t>
            </a:r>
            <a:r>
              <a:rPr lang="en-US" sz="1200">
                <a:solidFill>
                  <a:schemeClr val="tx1"/>
                </a:solidFill>
                <a:latin typeface="Ericsson Hilda ExtraLight" panose="00000300000000000000" pitchFamily="2" charset="0"/>
              </a:rPr>
              <a:t>{|}~¡¢£¤¥¦§¨©ª«¬®¯°±²³´¶·¸¹º»¼½ÀÁÂÃÄÅÆÇÈËÌÍÎÏÐÑÒÓÔÕÖ×ØÙÚÛÜÝÞßàáâãäåæçèéêëìíîïðñòóôõö÷øùúûüýþÿĀāĂăąĆćĊċ</a:t>
            </a:r>
            <a:r>
              <a:rPr lang="en-US" sz="1200" kern="1200">
                <a:solidFill>
                  <a:schemeClr val="tx1"/>
                </a:solidFill>
                <a:latin typeface="Ericsson Hilda ExtraLight" panose="00000300000000000000" pitchFamily="2" charset="0"/>
                <a:ea typeface="+mn-ea"/>
                <a:cs typeface="+mn-cs"/>
              </a:rPr>
              <a:t>Čč</a:t>
            </a:r>
            <a:r>
              <a:rPr lang="en-US" sz="1200">
                <a:solidFill>
                  <a:schemeClr val="tx1"/>
                </a:solidFill>
                <a:latin typeface="Ericsson Hilda ExtraLight" panose="00000300000000000000" pitchFamily="2" charset="0"/>
              </a:rPr>
              <a:t>ĎďĐđĒĖėĘęĚěĞğĠġĢģĪīĮįİıĶķĹĺĻļĽľŁłŃńŅņŇňŌŐőŒœŔŕŖŗŘřŚśŞşŠšŢţŤťŪūŮůŰűŲųŴŵŶŷŸŹźŻżŽžƒȘșˆˇ˘˙˚˛˜˝</a:t>
            </a:r>
            <a:r>
              <a:rPr lang="en-US" sz="1200" err="1">
                <a:solidFill>
                  <a:schemeClr val="tx1"/>
                </a:solidFill>
                <a:latin typeface="Ericsson Hilda ExtraLight" panose="00000300000000000000" pitchFamily="2" charset="0"/>
              </a:rPr>
              <a:t>ẀẁẃẄẅỲỳ</a:t>
            </a:r>
            <a:r>
              <a:rPr lang="en-US" sz="1200">
                <a:solidFill>
                  <a:schemeClr val="tx1"/>
                </a:solidFill>
                <a:latin typeface="Ericsson Hilda ExtraLight" panose="00000300000000000000" pitchFamily="2" charset="0"/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200" err="1">
                <a:solidFill>
                  <a:schemeClr val="tx1"/>
                </a:solidFill>
                <a:latin typeface="Ericsson Hilda ExtraLight" panose="00000300000000000000" pitchFamily="2" charset="0"/>
              </a:rPr>
              <a:t>ﬁﬂΆΈΉΊΌΎΏΐΑΒΓΕΖΗΘΙΚΛΜΝΞΟΠΡΣΤΥΦΧΨΪΫΆΈΉΊΰ</a:t>
            </a:r>
            <a:r>
              <a:rPr lang="en-US" sz="1200">
                <a:solidFill>
                  <a:schemeClr val="tx1"/>
                </a:solidFill>
                <a:latin typeface="Ericsson Hilda ExtraLight" panose="00000300000000000000" pitchFamily="2" charset="0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●</a:t>
            </a:r>
            <a:endParaRPr lang="en-US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200" u="sng" err="1">
                <a:solidFill>
                  <a:schemeClr val="tx1"/>
                </a:solidFill>
                <a:latin typeface="+mj-lt"/>
              </a:rPr>
              <a:t>EricssonHilda</a:t>
            </a:r>
            <a:r>
              <a:rPr lang="en-US" sz="1200" u="sng">
                <a:solidFill>
                  <a:schemeClr val="tx1"/>
                </a:solidFill>
                <a:latin typeface="+mj-lt"/>
              </a:rPr>
              <a:t>(Light):</a:t>
            </a:r>
            <a:r>
              <a:rPr lang="en-US" sz="1200">
                <a:solidFill>
                  <a:schemeClr val="tx1"/>
                </a:solidFill>
                <a:latin typeface="+mj-lt"/>
              </a:rPr>
              <a:t>!"#$%&amp;'()*+,./0123456789:;&lt;=&gt;?@ABCDEFGHIJKLMNOPQRSTUVWXYZ[\]^_`</a:t>
            </a:r>
            <a:r>
              <a:rPr lang="en-US" sz="1200" err="1">
                <a:solidFill>
                  <a:schemeClr val="tx1"/>
                </a:solidFill>
                <a:latin typeface="+mj-lt"/>
              </a:rPr>
              <a:t>abcdefghijklmnopqrstuvwxyz</a:t>
            </a:r>
            <a:r>
              <a:rPr lang="en-US" sz="1200">
                <a:solidFill>
                  <a:schemeClr val="tx1"/>
                </a:solidFill>
                <a:latin typeface="+mj-lt"/>
              </a:rPr>
              <a:t>{|}~¡¢£¤¥¦§¨©ª«¬®¯°±²³´¶·¸¹º»¼½ÀÁÂÃÄÅÆÇÈËÌÍÎÏÐÑÒÓÔÕÖ×ØÙÚÛÜÝÞßàáâãäåæçèéêëìíîïðñòóôõö÷øùúûüýþÿĀāĂăąĆćĊċ</a:t>
            </a:r>
            <a:r>
              <a:rPr lang="en-US" sz="1200" kern="1200">
                <a:solidFill>
                  <a:schemeClr val="tx1"/>
                </a:solidFill>
                <a:latin typeface="+mn-lt"/>
                <a:ea typeface="+mn-ea"/>
                <a:cs typeface="+mn-cs"/>
              </a:rPr>
              <a:t>Čč</a:t>
            </a:r>
            <a:r>
              <a:rPr lang="en-US" sz="1200">
                <a:solidFill>
                  <a:schemeClr val="tx1"/>
                </a:solidFill>
                <a:latin typeface="+mj-lt"/>
              </a:rPr>
              <a:t>ĎďĐđĒĖėĘęĚěĞğĠġĢģĪīĮįİıĶķĹĺĻļĽľŁłŃńŅņŇňŌŐőŒœŔŕŖŗŘřŚśŞşŠšŢţŤťŪūŮůŰűŲųŴŵŶŷŸŹźŻżŽžƒȘșˆˇ˘˙˚˛˜˝</a:t>
            </a:r>
            <a:r>
              <a:rPr lang="en-US" sz="1200" err="1">
                <a:solidFill>
                  <a:schemeClr val="tx1"/>
                </a:solidFill>
                <a:latin typeface="+mj-lt"/>
              </a:rPr>
              <a:t>ẀẁẃẄẅỲỳ</a:t>
            </a:r>
            <a:r>
              <a:rPr lang="en-US" sz="1200">
                <a:solidFill>
                  <a:schemeClr val="tx1"/>
                </a:solidFill>
                <a:latin typeface="+mj-lt"/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200" err="1">
                <a:solidFill>
                  <a:schemeClr val="tx1"/>
                </a:solidFill>
                <a:latin typeface="+mj-lt"/>
              </a:rPr>
              <a:t>ﬁﬂΆΈΉΊΌΎΏΐΑΒΓΕΖΗΘΙΚΛΜΝΞΟΠΡΣΤΥΦΧΨΪΫΆΈΉΊΰ</a:t>
            </a:r>
            <a:r>
              <a:rPr lang="en-US" sz="1200">
                <a:solidFill>
                  <a:schemeClr val="tx1"/>
                </a:solidFill>
                <a:latin typeface="+mj-lt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</a:t>
            </a:r>
            <a:r>
              <a:rPr lang="en-US" sz="1200">
                <a:solidFill>
                  <a:schemeClr val="tx1"/>
                </a:solidFill>
                <a:latin typeface="Ericsson Hilda Light" panose="00000400000000000000" pitchFamily="2" charset="0"/>
              </a:rPr>
              <a:t>●</a:t>
            </a:r>
            <a:endParaRPr lang="en-US" sz="1200">
              <a:solidFill>
                <a:schemeClr val="tx1"/>
              </a:solidFill>
            </a:endParaRPr>
          </a:p>
          <a:p>
            <a:pPr marL="0" indent="0">
              <a:buClr>
                <a:schemeClr val="tx1"/>
              </a:buClr>
              <a:buFont typeface="Ericsson Hilda Light" panose="00000400000000000000" pitchFamily="2" charset="0"/>
              <a:buNone/>
            </a:pPr>
            <a:r>
              <a:rPr lang="en-US" sz="1200" u="sng" err="1">
                <a:solidFill>
                  <a:schemeClr val="tx1"/>
                </a:solidFill>
                <a:latin typeface="+mn-lt"/>
              </a:rPr>
              <a:t>EricssonHilda</a:t>
            </a:r>
            <a:r>
              <a:rPr lang="en-US" sz="1200" u="sng">
                <a:solidFill>
                  <a:schemeClr val="tx1"/>
                </a:solidFill>
                <a:latin typeface="+mn-lt"/>
              </a:rPr>
              <a:t>(Regular):</a:t>
            </a:r>
            <a:r>
              <a:rPr lang="en-US" sz="1200">
                <a:solidFill>
                  <a:schemeClr val="tx1"/>
                </a:solidFill>
                <a:latin typeface="+mn-lt"/>
              </a:rPr>
              <a:t>!"#$%&amp;'()*+,./0123456789:;&lt;=&gt;?@ABCDEFGHIJKLMNOPQRSTUVWXYZ[\]^_`</a:t>
            </a:r>
            <a:r>
              <a:rPr lang="en-US" sz="1200" err="1">
                <a:solidFill>
                  <a:schemeClr val="tx1"/>
                </a:solidFill>
                <a:latin typeface="+mn-lt"/>
              </a:rPr>
              <a:t>abcdefghijklmnopqrstuvwxyz</a:t>
            </a:r>
            <a:r>
              <a:rPr lang="en-US" sz="1200">
                <a:solidFill>
                  <a:schemeClr val="tx1"/>
                </a:solidFill>
                <a:latin typeface="+mn-lt"/>
              </a:rPr>
              <a:t>{|}~¡¢£¤¥¦§¨©ª«¬®¯°±²³´¶·¸¹º»¼½ÀÁÂÃÄÅÆÇÈËÌÍÎÏÐÑÒÓÔÕÖ×ØÙÚÛÜÝÞßàáâãäåæçèéêëìíîïðñòóôõö÷øùúûüýþÿĀāĂăąĆćĊċČčĎďĐđĒĖėĘęĚěĞğĠġĢģĪīĮįİıĶķĹĺĻļĽľŁłŃńŅņŇňŌŐőŒœŔŕŖŗŘřŚśŞşŠšŢţŤťŪūŮůŰűŲųŴŵŶŷŸŹźŻżŽžƒȘșˆˇ˘˙˚˛˜˝</a:t>
            </a:r>
            <a:r>
              <a:rPr lang="en-US" sz="1200" err="1">
                <a:solidFill>
                  <a:schemeClr val="tx1"/>
                </a:solidFill>
                <a:latin typeface="+mn-lt"/>
              </a:rPr>
              <a:t>ẀẁẃẄẅỲỳ</a:t>
            </a:r>
            <a:r>
              <a:rPr lang="en-US" sz="1200">
                <a:solidFill>
                  <a:schemeClr val="tx1"/>
                </a:solidFill>
                <a:latin typeface="+mn-lt"/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200" err="1">
                <a:solidFill>
                  <a:schemeClr val="tx1"/>
                </a:solidFill>
                <a:latin typeface="+mn-lt"/>
              </a:rPr>
              <a:t>ﬁﬂΆΈΉΊΌΎΏΐΑΒΓΕΖΗΘΙΚΛΜΝΞΟΠΡΣΤΥΦΧΨΪΫΆΈΉΊΰ</a:t>
            </a:r>
            <a:r>
              <a:rPr lang="en-US" sz="1200">
                <a:solidFill>
                  <a:schemeClr val="tx1"/>
                </a:solidFill>
                <a:latin typeface="+mn-lt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●</a:t>
            </a:r>
            <a:endParaRPr lang="en-US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200" b="1" u="sng" err="1">
                <a:solidFill>
                  <a:schemeClr val="tx1"/>
                </a:solidFill>
                <a:latin typeface="+mj-lt"/>
              </a:rPr>
              <a:t>EricssonHildaLight+Bold</a:t>
            </a:r>
            <a:r>
              <a:rPr lang="en-US" sz="1200" b="1" u="sng">
                <a:solidFill>
                  <a:schemeClr val="tx1"/>
                </a:solidFill>
                <a:latin typeface="+mj-lt"/>
              </a:rPr>
              <a:t>(Medium):</a:t>
            </a:r>
            <a:r>
              <a:rPr lang="en-US" sz="1200" b="1">
                <a:solidFill>
                  <a:schemeClr val="tx1"/>
                </a:solidFill>
                <a:latin typeface="+mj-lt"/>
              </a:rPr>
              <a:t>!"#$%&amp;'()*+,./0123456789:;&lt;=&gt;?@ABCDEFGHIJKLMNOPQRSTUVWXYZ[\]^_`</a:t>
            </a:r>
            <a:r>
              <a:rPr lang="en-US" sz="1200" b="1" err="1">
                <a:solidFill>
                  <a:schemeClr val="tx1"/>
                </a:solidFill>
                <a:latin typeface="+mj-lt"/>
              </a:rPr>
              <a:t>abcdefghijklmnopqrstuvwxyz</a:t>
            </a:r>
            <a:r>
              <a:rPr lang="en-US" sz="1200" b="1">
                <a:solidFill>
                  <a:schemeClr val="tx1"/>
                </a:solidFill>
                <a:latin typeface="+mj-lt"/>
              </a:rPr>
              <a:t>{|}~¡¢£¤¥¦§¨©ª«¬®¯°±²³´¶·¸¹º»¼½ÀÁÂÃÄÅÆÇÈËÌÍÎÏÐÑÒÓÔÕÖ×ØÙÚÛÜÝÞßàáâãäåæçèéêëìíîïðñòóôõö÷øùúûüýþÿĀāĂăąĆćĊċ</a:t>
            </a:r>
            <a:r>
              <a:rPr lang="en-US" sz="1200" b="1" kern="1200">
                <a:solidFill>
                  <a:schemeClr val="tx1"/>
                </a:solidFill>
                <a:latin typeface="+mn-lt"/>
                <a:ea typeface="+mn-ea"/>
                <a:cs typeface="+mn-cs"/>
              </a:rPr>
              <a:t>Čč</a:t>
            </a:r>
            <a:r>
              <a:rPr lang="en-US" sz="1200" b="1">
                <a:solidFill>
                  <a:schemeClr val="tx1"/>
                </a:solidFill>
                <a:latin typeface="+mj-lt"/>
              </a:rPr>
              <a:t>ĎďĐđĒĖėĘęĚěĞğĠġĢģĪīĮįİıĶķĹĺĻļĽľŁłŃńŅņŇňŌŐőŒœŔŕŖŗŘřŚśŞşŠšŢţŤťŪūŮůŰűŲųŴŵŶŷŸŹźŻżŽžƒȘșˆˇ˘˙˚˛˜˝</a:t>
            </a:r>
            <a:r>
              <a:rPr lang="en-US" sz="1200" b="1" err="1">
                <a:solidFill>
                  <a:schemeClr val="tx1"/>
                </a:solidFill>
                <a:latin typeface="+mj-lt"/>
              </a:rPr>
              <a:t>ẀẁẃẄẅỲỳ</a:t>
            </a:r>
            <a:r>
              <a:rPr lang="en-US" sz="1200" b="1">
                <a:solidFill>
                  <a:schemeClr val="tx1"/>
                </a:solidFill>
                <a:latin typeface="+mj-lt"/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200" b="1" err="1">
                <a:solidFill>
                  <a:schemeClr val="tx1"/>
                </a:solidFill>
                <a:latin typeface="+mj-lt"/>
              </a:rPr>
              <a:t>ﬁﬂΆΈΉΊΌΎΏΐΑΒΓΕΖΗΘΙΚΛΜΝΞΟΠΡΣΤΥΦΧΨΪΫΆΈΉΊΰ</a:t>
            </a:r>
            <a:r>
              <a:rPr lang="en-US" sz="1200" b="1">
                <a:solidFill>
                  <a:schemeClr val="tx1"/>
                </a:solidFill>
                <a:latin typeface="+mj-lt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</a:t>
            </a:r>
            <a:r>
              <a:rPr lang="en-US" sz="1200" b="1">
                <a:solidFill>
                  <a:schemeClr val="tx1"/>
                </a:solidFill>
                <a:latin typeface="Ericsson Hilda Light" panose="00000400000000000000" pitchFamily="2" charset="0"/>
              </a:rPr>
              <a:t>●</a:t>
            </a:r>
            <a:endParaRPr lang="en-US" sz="1200" b="1">
              <a:solidFill>
                <a:schemeClr val="tx1"/>
              </a:solidFill>
              <a:latin typeface="+mj-lt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200" b="1" u="sng" err="1">
                <a:solidFill>
                  <a:schemeClr val="tx1"/>
                </a:solidFill>
                <a:latin typeface="+mn-lt"/>
              </a:rPr>
              <a:t>EricssonHilda+Bold</a:t>
            </a:r>
            <a:r>
              <a:rPr lang="en-US" sz="1200" b="1" u="sng">
                <a:solidFill>
                  <a:schemeClr val="tx1"/>
                </a:solidFill>
                <a:latin typeface="+mn-lt"/>
              </a:rPr>
              <a:t>(Bold):</a:t>
            </a:r>
            <a:r>
              <a:rPr lang="en-US" sz="1200" b="1">
                <a:solidFill>
                  <a:schemeClr val="tx1"/>
                </a:solidFill>
                <a:latin typeface="+mn-lt"/>
              </a:rPr>
              <a:t>!"#$%&amp;'()*+,./0123456789:;&lt;=&gt;?@ABCDEFGHIJKLMNOPQRSTUVWXYZ[\]^_`</a:t>
            </a:r>
            <a:r>
              <a:rPr lang="en-US" sz="1200" b="1" err="1">
                <a:solidFill>
                  <a:schemeClr val="tx1"/>
                </a:solidFill>
                <a:latin typeface="+mn-lt"/>
              </a:rPr>
              <a:t>abcdefghijklmnopqrstuvwxyz</a:t>
            </a:r>
            <a:r>
              <a:rPr lang="en-US" sz="1200" b="1">
                <a:solidFill>
                  <a:schemeClr val="tx1"/>
                </a:solidFill>
                <a:latin typeface="+mn-lt"/>
              </a:rPr>
              <a:t>{|}~¡¢£¤¥¦§¨©ª«¬®¯°±²³´¶·¸¹º»¼½ÀÁÂÃÄÅÆÇÈËÌÍÎÏÐÑÒÓÔÕÖ×ØÙÚÛÜÝÞßàáâãäåæçèéêëìíîïðñòóôõö÷øùúûüýþÿĀāĂăąĆćĊċČčĎďĐđĒĖėĘęĚěĞğĠġĢģĪīĮįİıĶķĹĺĻļĽľŁłŃńŅņŇňŌŐőŒœŔŕŖŗŘřŚśŞşŠšŢţŤťŪūŮůŰűŲųŴŵŶŷŸŹźŻżŽžƒȘșˆˇ˘˙˚˛˜˝</a:t>
            </a:r>
            <a:r>
              <a:rPr lang="en-US" sz="1200" b="1" err="1">
                <a:solidFill>
                  <a:schemeClr val="tx1"/>
                </a:solidFill>
                <a:latin typeface="+mn-lt"/>
              </a:rPr>
              <a:t>ẀẁẃẄẅỲỳ</a:t>
            </a:r>
            <a:r>
              <a:rPr lang="en-US" sz="1200" b="1">
                <a:solidFill>
                  <a:schemeClr val="tx1"/>
                </a:solidFill>
                <a:latin typeface="+mn-lt"/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200" b="1" err="1">
                <a:solidFill>
                  <a:schemeClr val="tx1"/>
                </a:solidFill>
                <a:latin typeface="+mn-lt"/>
              </a:rPr>
              <a:t>ﬁﬂΆΈΉΊΌΎΏΐΑΒΓΕΖΗΘΙΚΛΜΝΞΟΠΡΣΤΥΦΧΨΪΫΆΈΉΊΰ</a:t>
            </a:r>
            <a:r>
              <a:rPr lang="en-US" sz="1200" b="1">
                <a:solidFill>
                  <a:schemeClr val="tx1"/>
                </a:solidFill>
                <a:latin typeface="+mn-lt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 ●</a:t>
            </a:r>
            <a:endParaRPr lang="en-US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200" b="0" u="sng" err="1">
                <a:solidFill>
                  <a:schemeClr val="tx1"/>
                </a:solidFill>
                <a:latin typeface="Ericsson Hilda ExtraBold" panose="00000900000000000000" pitchFamily="2" charset="0"/>
              </a:rPr>
              <a:t>EricssonHilda</a:t>
            </a:r>
            <a:r>
              <a:rPr lang="en-US" sz="1200" b="0" u="sng">
                <a:solidFill>
                  <a:schemeClr val="tx1"/>
                </a:solidFill>
                <a:latin typeface="Ericsson Hilda ExtraBold" panose="00000900000000000000" pitchFamily="2" charset="0"/>
              </a:rPr>
              <a:t>(</a:t>
            </a:r>
            <a:r>
              <a:rPr lang="en-US" sz="1200" b="0" u="sng" err="1">
                <a:solidFill>
                  <a:schemeClr val="tx1"/>
                </a:solidFill>
                <a:latin typeface="Ericsson Hilda ExtraBold" panose="00000900000000000000" pitchFamily="2" charset="0"/>
              </a:rPr>
              <a:t>ExtraBold</a:t>
            </a:r>
            <a:r>
              <a:rPr lang="en-US" sz="1200" b="0" u="sng">
                <a:solidFill>
                  <a:schemeClr val="tx1"/>
                </a:solidFill>
                <a:latin typeface="Ericsson Hilda ExtraBold" panose="00000900000000000000" pitchFamily="2" charset="0"/>
              </a:rPr>
              <a:t>):</a:t>
            </a:r>
            <a:r>
              <a:rPr lang="en-US" sz="1200" b="0">
                <a:solidFill>
                  <a:schemeClr val="tx1"/>
                </a:solidFill>
                <a:latin typeface="Ericsson Hilda ExtraBold" panose="00000900000000000000" pitchFamily="2" charset="0"/>
              </a:rPr>
              <a:t>!"#$%&amp;'()*+,./0123456789:;&lt;=&gt;?@ABCDEFGHIJKLMNOPQRSTUVWXYZ[\]^_`</a:t>
            </a:r>
            <a:r>
              <a:rPr lang="en-US" sz="1200" b="0" err="1">
                <a:solidFill>
                  <a:schemeClr val="tx1"/>
                </a:solidFill>
                <a:latin typeface="Ericsson Hilda ExtraBold" panose="00000900000000000000" pitchFamily="2" charset="0"/>
              </a:rPr>
              <a:t>abcdefghijklmnopqrstuvwxyz</a:t>
            </a:r>
            <a:r>
              <a:rPr lang="en-US" sz="1200" b="0">
                <a:solidFill>
                  <a:schemeClr val="tx1"/>
                </a:solidFill>
                <a:latin typeface="Ericsson Hilda ExtraBold" panose="00000900000000000000" pitchFamily="2" charset="0"/>
              </a:rPr>
              <a:t>{|}~¡¢£¤¥¦§¨©ª«¬®¯°±²³´¶·¸¹º»¼½ÀÁÂÃÄÅÆÇÈËÌÍÎÏÐÑÒÓÔÕÖ×ØÙÚÛÜÝÞßàáâãäåæçèéêëìíîïðñòóôõö÷øùúûüýþÿĀāĂăąĆćĊċ</a:t>
            </a:r>
            <a:r>
              <a:rPr lang="en-US" sz="1200" b="0" kern="1200">
                <a:solidFill>
                  <a:schemeClr val="tx1"/>
                </a:solidFill>
                <a:latin typeface="Ericsson Hilda ExtraBold" panose="00000900000000000000" pitchFamily="2" charset="0"/>
                <a:ea typeface="+mn-ea"/>
                <a:cs typeface="+mn-cs"/>
              </a:rPr>
              <a:t>Čč</a:t>
            </a:r>
            <a:r>
              <a:rPr lang="en-US" sz="1200" b="0">
                <a:solidFill>
                  <a:schemeClr val="tx1"/>
                </a:solidFill>
                <a:latin typeface="Ericsson Hilda ExtraBold" panose="00000900000000000000" pitchFamily="2" charset="0"/>
              </a:rPr>
              <a:t>ĎďĐđĒĖėĘęĚěĞğĠġĢģĪīĮįİıĶķĹĺĻļĽľŁłŃńŅņŇňŌŐőŒœŔŕŖŗŘřŚśŞşŠšŢţŤťŪūŮůŰűŲųŴŵŶŷŸŹźŻżŽžƒȘșˆˇ˘˙˚˛˜˝</a:t>
            </a:r>
            <a:r>
              <a:rPr lang="en-US" sz="1200" b="0" err="1">
                <a:solidFill>
                  <a:schemeClr val="tx1"/>
                </a:solidFill>
                <a:latin typeface="Ericsson Hilda ExtraBold" panose="00000900000000000000" pitchFamily="2" charset="0"/>
              </a:rPr>
              <a:t>ẀẁẃẄẅỲỳ</a:t>
            </a:r>
            <a:r>
              <a:rPr lang="en-US" sz="1200" b="0">
                <a:solidFill>
                  <a:schemeClr val="tx1"/>
                </a:solidFill>
                <a:latin typeface="Ericsson Hilda ExtraBold" panose="00000900000000000000" pitchFamily="2" charset="0"/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200" b="0" err="1">
                <a:solidFill>
                  <a:schemeClr val="tx1"/>
                </a:solidFill>
                <a:latin typeface="Ericsson Hilda ExtraBold" panose="00000900000000000000" pitchFamily="2" charset="0"/>
              </a:rPr>
              <a:t>ﬁﬂΆΈΉΊΌΎΏΐΑΒΓΕΖΗΘΙΚΛΜΝΞΟΠΡΣΤΥΦΧΨΪΫΆΈΉΊΰ</a:t>
            </a:r>
            <a:r>
              <a:rPr lang="en-US" sz="1200" b="0">
                <a:solidFill>
                  <a:schemeClr val="tx1"/>
                </a:solidFill>
                <a:latin typeface="Ericsson Hilda ExtraBold" panose="00000900000000000000" pitchFamily="2" charset="0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●</a:t>
            </a:r>
            <a:endParaRPr lang="en-US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endParaRPr lang="en-US" sz="1200" b="1">
              <a:solidFill>
                <a:schemeClr val="tx1"/>
              </a:solidFill>
              <a:latin typeface="Ericsson Technical Icons" panose="00000500000000000000" pitchFamily="2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200" b="1">
                <a:solidFill>
                  <a:schemeClr val="tx1"/>
                </a:solidFill>
                <a:latin typeface="Ericsson Technical Icons" panose="00000500000000000000" pitchFamily="2" charset="0"/>
              </a:rPr>
              <a:t>B C D F G H I L M O P R S W X b c d f g h I l m o p r s w x</a:t>
            </a:r>
            <a:endParaRPr lang="en-US" sz="1200" b="1">
              <a:solidFill>
                <a:schemeClr val="tx1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1410470591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3BFA898-C9FF-5941-05AE-581455B1D18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0009192-E708-01E7-A68D-1003A7A06C9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7C76C92-C0F3-76A8-4AFB-8F9279B9983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B0CB33-71CA-4997-94A4-B3DC9049FEAA}" type="datetimeFigureOut">
              <a:rPr lang="en-US" smtClean="0"/>
              <a:t>20-Feb-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05318F0-CEFF-3F8F-1457-AF4DFB31208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B4BF143-DFCF-EED0-CA5E-59E20D68627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A88145-6816-4A59-B2D4-D712992D10F6}" type="slidenum">
              <a:rPr lang="en-US" smtClean="0"/>
              <a:t>‹#›</a:t>
            </a:fld>
            <a:endParaRPr lang="en-US"/>
          </a:p>
        </p:txBody>
      </p:sp>
      <p:pic>
        <p:nvPicPr>
          <p:cNvPr id="7" name="Picture 3">
            <a:extLst>
              <a:ext uri="{FF2B5EF4-FFF2-40B4-BE49-F238E27FC236}">
                <a16:creationId xmlns:a16="http://schemas.microsoft.com/office/drawing/2014/main" id="{EC327E55-9D6D-8BC7-1317-27A823228844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209736" y="211659"/>
            <a:ext cx="818108" cy="81810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344171517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531" name="Title_TM"/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5" y="476250"/>
            <a:ext cx="8353426" cy="3457576"/>
          </a:xfrm>
        </p:spPr>
        <p:txBody>
          <a:bodyPr/>
          <a:lstStyle>
            <a:lvl1pPr>
              <a:lnSpc>
                <a:spcPct val="85000"/>
              </a:lnSpc>
              <a:defRPr sz="8000" b="0" kern="1400" spc="-160" baseline="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US"/>
              <a:t>Title/cover page,   Ericsson Hilda Light 80pt, max 3-lines</a:t>
            </a:r>
          </a:p>
        </p:txBody>
      </p:sp>
      <p:sp>
        <p:nvSpPr>
          <p:cNvPr id="22530" name="SubTitle_TM"/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79425" y="4149725"/>
            <a:ext cx="5472114" cy="2087563"/>
          </a:xfrm>
          <a:prstGeom prst="rect">
            <a:avLst/>
          </a:prstGeom>
        </p:spPr>
        <p:txBody>
          <a:bodyPr lIns="72000" anchor="t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Description/subtitle/speaker…</a:t>
            </a:r>
            <a:br>
              <a:rPr lang="en-US"/>
            </a:br>
            <a:r>
              <a:rPr lang="en-US"/>
              <a:t>Ericsson Hilda Black 20p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quarter" idx="10" hasCustomPrompt="1"/>
          </p:nvPr>
        </p:nvSpPr>
        <p:spPr>
          <a:xfrm>
            <a:off x="6240463" y="6264000"/>
            <a:ext cx="1910479" cy="262800"/>
          </a:xfrm>
          <a:prstGeom prst="rect">
            <a:avLst/>
          </a:prstGeom>
        </p:spPr>
        <p:txBody>
          <a:bodyPr wrap="none" tIns="0" bIns="0" anchor="ctr" anchorCtr="0"/>
          <a:lstStyle>
            <a:lvl1pPr marL="0" indent="0" algn="r">
              <a:buNone/>
              <a:defRPr sz="12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Speaker name</a:t>
            </a:r>
          </a:p>
        </p:txBody>
      </p:sp>
      <p:sp>
        <p:nvSpPr>
          <p:cNvPr id="12" name="Content Placeholder 11"/>
          <p:cNvSpPr>
            <a:spLocks noGrp="1"/>
          </p:cNvSpPr>
          <p:nvPr>
            <p:ph sz="quarter" idx="11" hasCustomPrompt="1"/>
          </p:nvPr>
        </p:nvSpPr>
        <p:spPr>
          <a:xfrm>
            <a:off x="8229600" y="6264000"/>
            <a:ext cx="2515041" cy="262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tIns="0" rIns="0" bIns="0" anchor="ctr" anchorCtr="0"/>
          <a:lstStyle>
            <a:lvl1pPr marL="0" indent="0" algn="ctr">
              <a:buNone/>
              <a:defRPr lang="en-US" sz="1200" dirty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Organization</a:t>
            </a:r>
          </a:p>
        </p:txBody>
      </p:sp>
      <p:sp>
        <p:nvSpPr>
          <p:cNvPr id="15" name="Content Placeholder 11"/>
          <p:cNvSpPr>
            <a:spLocks noGrp="1"/>
          </p:cNvSpPr>
          <p:nvPr>
            <p:ph sz="quarter" idx="12" hasCustomPrompt="1"/>
          </p:nvPr>
        </p:nvSpPr>
        <p:spPr>
          <a:xfrm>
            <a:off x="10811951" y="6264000"/>
            <a:ext cx="897503" cy="262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tIns="0" rIns="0" bIns="0" anchor="ctr" anchorCtr="0"/>
          <a:lstStyle>
            <a:lvl1pPr marL="0" indent="0" algn="ctr">
              <a:buNone/>
              <a:defRPr lang="en-US" sz="1200" dirty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US"/>
              <a:t>YYYY-MM-DD</a:t>
            </a:r>
          </a:p>
        </p:txBody>
      </p:sp>
    </p:spTree>
    <p:extLst>
      <p:ext uri="{BB962C8B-B14F-4D97-AF65-F5344CB8AC3E}">
        <p14:creationId xmlns:p14="http://schemas.microsoft.com/office/powerpoint/2010/main" val="3186777384"/>
      </p:ext>
    </p:extLst>
  </p:cSld>
  <p:clrMapOvr>
    <a:masterClrMapping/>
  </p:clrMapOvr>
  <p:hf sldNum="0" hdr="0" ftr="0"/>
  <p:extLst>
    <p:ext uri="{DCECCB84-F9BA-43D5-87BE-67443E8EF086}">
      <p15:sldGuideLst xmlns:p15="http://schemas.microsoft.com/office/powerpoint/2012/main"/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0_Title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531" name="Title_TM"/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5" y="476250"/>
            <a:ext cx="8353426" cy="3457576"/>
          </a:xfrm>
        </p:spPr>
        <p:txBody>
          <a:bodyPr/>
          <a:lstStyle>
            <a:lvl1pPr>
              <a:lnSpc>
                <a:spcPct val="85000"/>
              </a:lnSpc>
              <a:defRPr sz="8000" b="0" kern="1400" spc="-160" baseline="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/>
              <a:t>Title/cover page,   Ericsson Hilda Light 80pt, max 3-lines</a:t>
            </a:r>
          </a:p>
        </p:txBody>
      </p:sp>
      <p:sp>
        <p:nvSpPr>
          <p:cNvPr id="22530" name="SubTitle_TM"/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79425" y="4149725"/>
            <a:ext cx="5472114" cy="2087563"/>
          </a:xfrm>
          <a:prstGeom prst="rect">
            <a:avLst/>
          </a:prstGeom>
        </p:spPr>
        <p:txBody>
          <a:bodyPr lIns="72000" anchor="t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/>
              <a:t>Description/subtitle/speaker…</a:t>
            </a:r>
            <a:br>
              <a:rPr lang="en-US"/>
            </a:br>
            <a:r>
              <a:rPr lang="en-US"/>
              <a:t>Ericsson Hilda Black 20p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quarter" idx="10" hasCustomPrompt="1"/>
          </p:nvPr>
        </p:nvSpPr>
        <p:spPr>
          <a:xfrm>
            <a:off x="6011863" y="6264000"/>
            <a:ext cx="1910479" cy="262800"/>
          </a:xfrm>
          <a:prstGeom prst="rect">
            <a:avLst/>
          </a:prstGeom>
        </p:spPr>
        <p:txBody>
          <a:bodyPr wrap="none" tIns="0" bIns="0" anchor="ctr" anchorCtr="0"/>
          <a:lstStyle>
            <a:lvl1pPr marL="0" indent="0" algn="r">
              <a:buNone/>
              <a:defRPr sz="120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/>
              <a:t>Speaker name</a:t>
            </a:r>
          </a:p>
        </p:txBody>
      </p:sp>
      <p:sp>
        <p:nvSpPr>
          <p:cNvPr id="12" name="Content Placeholder 11"/>
          <p:cNvSpPr>
            <a:spLocks noGrp="1"/>
          </p:cNvSpPr>
          <p:nvPr>
            <p:ph sz="quarter" idx="11" hasCustomPrompt="1"/>
          </p:nvPr>
        </p:nvSpPr>
        <p:spPr>
          <a:xfrm>
            <a:off x="7978140" y="6264000"/>
            <a:ext cx="2766501" cy="262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tIns="0" rIns="0" bIns="0" anchor="ctr" anchorCtr="0"/>
          <a:lstStyle>
            <a:lvl1pPr marL="0" indent="0" algn="ctr">
              <a:buNone/>
              <a:defRPr lang="en-US" sz="1200" dirty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/>
              <a:t>Organization</a:t>
            </a:r>
          </a:p>
        </p:txBody>
      </p:sp>
      <p:sp>
        <p:nvSpPr>
          <p:cNvPr id="15" name="Content Placeholder 11"/>
          <p:cNvSpPr>
            <a:spLocks noGrp="1"/>
          </p:cNvSpPr>
          <p:nvPr>
            <p:ph sz="quarter" idx="12" hasCustomPrompt="1"/>
          </p:nvPr>
        </p:nvSpPr>
        <p:spPr>
          <a:xfrm>
            <a:off x="10811951" y="6264000"/>
            <a:ext cx="897503" cy="262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tIns="0" rIns="0" bIns="0" anchor="ctr" anchorCtr="0"/>
          <a:lstStyle>
            <a:lvl1pPr marL="0" indent="0" algn="ctr">
              <a:buNone/>
              <a:defRPr lang="en-US" sz="1200" dirty="0">
                <a:solidFill>
                  <a:schemeClr val="bg1"/>
                </a:solidFill>
                <a:latin typeface="+mn-lt"/>
              </a:defRPr>
            </a:lvl1pPr>
          </a:lstStyle>
          <a:p>
            <a:pPr lvl="0"/>
            <a:r>
              <a:rPr lang="en-US"/>
              <a:t>YYYY-MM-DD</a:t>
            </a:r>
          </a:p>
        </p:txBody>
      </p:sp>
      <p:pic>
        <p:nvPicPr>
          <p:cNvPr id="2" name="Picture 2" descr="Ericsson logo in transparent PNG and vectorized SVG formats">
            <a:extLst>
              <a:ext uri="{FF2B5EF4-FFF2-40B4-BE49-F238E27FC236}">
                <a16:creationId xmlns:a16="http://schemas.microsoft.com/office/drawing/2014/main" id="{0894968E-407B-1ACA-6FFF-45BD48CE3BA0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324442" y="172324"/>
            <a:ext cx="623449" cy="8453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" name="Picture 3" descr="Droplets forming a molecular connection">
            <a:extLst>
              <a:ext uri="{FF2B5EF4-FFF2-40B4-BE49-F238E27FC236}">
                <a16:creationId xmlns:a16="http://schemas.microsoft.com/office/drawing/2014/main" id="{4454C8FD-D113-2F67-6FBD-1B1E20B793B0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5953"/>
            <a:ext cx="12192000" cy="68520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77142871"/>
      </p:ext>
    </p:extLst>
  </p:cSld>
  <p:clrMapOvr>
    <a:masterClrMapping/>
  </p:clrMapOvr>
  <p:hf sldNum="0" hdr="0" ftr="0"/>
  <p:extLst>
    <p:ext uri="{DCECCB84-F9BA-43D5-87BE-67443E8EF086}">
      <p15:sldGuideLst xmlns:p15="http://schemas.microsoft.com/office/powerpoint/2012/main"/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itle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 descr="A picture containing ocean floor&#10;&#10;Description automatically generated">
            <a:extLst>
              <a:ext uri="{FF2B5EF4-FFF2-40B4-BE49-F238E27FC236}">
                <a16:creationId xmlns:a16="http://schemas.microsoft.com/office/drawing/2014/main" id="{546323BF-0623-1BC8-A7A1-24F1717927A1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-1"/>
            <a:ext cx="12192000" cy="6857999"/>
          </a:xfrm>
          <a:prstGeom prst="rect">
            <a:avLst/>
          </a:prstGeom>
        </p:spPr>
      </p:pic>
      <p:sp>
        <p:nvSpPr>
          <p:cNvPr id="22531" name="Title_TM"/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5" y="476250"/>
            <a:ext cx="8353426" cy="3457576"/>
          </a:xfrm>
        </p:spPr>
        <p:txBody>
          <a:bodyPr/>
          <a:lstStyle>
            <a:lvl1pPr>
              <a:lnSpc>
                <a:spcPct val="85000"/>
              </a:lnSpc>
              <a:defRPr sz="6000" b="0" kern="1400" spc="-160" baseline="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/>
              <a:t>Title/cover page,   Ericsson Hilda Light 80pt, max 3-lines</a:t>
            </a:r>
          </a:p>
        </p:txBody>
      </p:sp>
      <p:sp>
        <p:nvSpPr>
          <p:cNvPr id="22530" name="SubTitle_TM"/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79425" y="4149725"/>
            <a:ext cx="5472114" cy="2087563"/>
          </a:xfrm>
          <a:prstGeom prst="rect">
            <a:avLst/>
          </a:prstGeom>
        </p:spPr>
        <p:txBody>
          <a:bodyPr lIns="72000" anchor="t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/>
              <a:t>Description/subtitle/speaker…</a:t>
            </a:r>
            <a:br>
              <a:rPr lang="en-US"/>
            </a:br>
            <a:r>
              <a:rPr lang="en-US"/>
              <a:t>Ericsson Hilda Black 20pt</a:t>
            </a:r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2688DF1B-3DE1-61C1-2C4A-31DDBBEAA8EA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11493088" y="476251"/>
            <a:ext cx="256032" cy="2560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91095497"/>
      </p:ext>
    </p:extLst>
  </p:cSld>
  <p:clrMapOvr>
    <a:masterClrMapping/>
  </p:clrMapOvr>
  <p:hf sldNum="0" hdr="0" ftr="0"/>
  <p:extLst>
    <p:ext uri="{DCECCB84-F9BA-43D5-87BE-67443E8EF086}">
      <p15:sldGuideLst xmlns:p15="http://schemas.microsoft.com/office/powerpoint/2012/main"/>
    </p:ext>
  </p:extLs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094046224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ck blank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E6869961-F931-4F1E-9FB3-8587EBA3F36F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5D9DB7BA-3A2F-46BA-A617-2A049434CD6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93088" y="476251"/>
            <a:ext cx="256032" cy="2560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3248696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95415313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Black blank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Graphic 3">
            <a:extLst>
              <a:ext uri="{FF2B5EF4-FFF2-40B4-BE49-F238E27FC236}">
                <a16:creationId xmlns:a16="http://schemas.microsoft.com/office/drawing/2014/main" id="{5D9DB7BA-3A2F-46BA-A617-2A049434CD6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93088" y="476251"/>
            <a:ext cx="256032" cy="2560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5697047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903795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  <a:noAutofit/>
          </a:bodyPr>
          <a:lstStyle>
            <a:lvl1pPr>
              <a:defRPr sz="3200"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</p:spTree>
    <p:extLst>
      <p:ext uri="{BB962C8B-B14F-4D97-AF65-F5344CB8AC3E}">
        <p14:creationId xmlns:p14="http://schemas.microsoft.com/office/powerpoint/2010/main" val="568076227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8323200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  <a:noAutofit/>
          </a:bodyPr>
          <a:lstStyle>
            <a:lvl1pPr>
              <a:defRPr sz="4000"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</p:spTree>
    <p:extLst>
      <p:ext uri="{BB962C8B-B14F-4D97-AF65-F5344CB8AC3E}">
        <p14:creationId xmlns:p14="http://schemas.microsoft.com/office/powerpoint/2010/main" val="2773786902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2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9301390" cy="45121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  <a:noAutofit/>
          </a:bodyPr>
          <a:lstStyle>
            <a:lvl1pPr>
              <a:defRPr sz="3200"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32pt, Ericsson Black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D879308-9DFF-0CEC-1F55-9C5411C0DEFC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479424" y="982979"/>
            <a:ext cx="9301390" cy="275410"/>
          </a:xfrm>
          <a:noFill/>
        </p:spPr>
        <p:txBody>
          <a:bodyPr anchor="ctr"/>
          <a:lstStyle>
            <a:lvl1pPr marL="0" indent="0">
              <a:buNone/>
              <a:defRPr sz="1200" spc="0" baseline="0">
                <a:latin typeface="+mj-lt"/>
              </a:defRPr>
            </a:lvl1pPr>
            <a:lvl2pPr marL="265113" indent="0">
              <a:buNone/>
              <a:defRPr spc="0" baseline="0"/>
            </a:lvl2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529566171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8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AD74E2A4-3CE7-5AEC-F931-B2C987C7E124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l="82" r="-82" b="15661"/>
          <a:stretch/>
        </p:blipFill>
        <p:spPr>
          <a:xfrm>
            <a:off x="0" y="0"/>
            <a:ext cx="12202004" cy="6858000"/>
          </a:xfrm>
          <a:prstGeom prst="rect">
            <a:avLst/>
          </a:prstGeom>
        </p:spPr>
      </p:pic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9113067" cy="45121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  <a:noAutofit/>
          </a:bodyPr>
          <a:lstStyle>
            <a:lvl1pPr>
              <a:defRPr sz="3200"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32pt, Ericsson Black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D879308-9DFF-0CEC-1F55-9C5411C0DEFC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479424" y="982979"/>
            <a:ext cx="9113067" cy="275410"/>
          </a:xfrm>
          <a:noFill/>
        </p:spPr>
        <p:txBody>
          <a:bodyPr anchor="ctr"/>
          <a:lstStyle>
            <a:lvl1pPr marL="0" indent="0">
              <a:buNone/>
              <a:defRPr sz="1200" spc="0" baseline="0">
                <a:latin typeface="+mj-lt"/>
              </a:defRPr>
            </a:lvl1pPr>
            <a:lvl2pPr marL="265113" indent="0">
              <a:buNone/>
              <a:defRPr spc="0" baseline="0"/>
            </a:lvl2pPr>
          </a:lstStyle>
          <a:p>
            <a:pPr lvl="0"/>
            <a:r>
              <a:rPr lang="en-US"/>
              <a:t>Click to edit Master text styles</a:t>
            </a:r>
          </a:p>
        </p:txBody>
      </p:sp>
      <p:pic>
        <p:nvPicPr>
          <p:cNvPr id="2" name="Graphic 1">
            <a:extLst>
              <a:ext uri="{FF2B5EF4-FFF2-40B4-BE49-F238E27FC236}">
                <a16:creationId xmlns:a16="http://schemas.microsoft.com/office/drawing/2014/main" id="{71081BBF-D5EC-5414-0644-DA18F9847F82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11493088" y="476251"/>
            <a:ext cx="256032" cy="2560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58328145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5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A person looking up to the sky&#10;&#10;Description automatically generated">
            <a:extLst>
              <a:ext uri="{FF2B5EF4-FFF2-40B4-BE49-F238E27FC236}">
                <a16:creationId xmlns:a16="http://schemas.microsoft.com/office/drawing/2014/main" id="{56813195-71E7-1603-B42D-4EC6B5101EAC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10014405" cy="45121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  <a:noAutofit/>
          </a:bodyPr>
          <a:lstStyle>
            <a:lvl1pPr>
              <a:defRPr sz="3600"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32pt, Ericsson Black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D879308-9DFF-0CEC-1F55-9C5411C0DEFC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479424" y="982979"/>
            <a:ext cx="10014405" cy="275410"/>
          </a:xfrm>
          <a:noFill/>
        </p:spPr>
        <p:txBody>
          <a:bodyPr anchor="ctr"/>
          <a:lstStyle>
            <a:lvl1pPr marL="0" indent="0">
              <a:buNone/>
              <a:defRPr sz="1400" spc="0" baseline="0">
                <a:latin typeface="+mj-lt"/>
              </a:defRPr>
            </a:lvl1pPr>
            <a:lvl2pPr marL="265113" indent="0">
              <a:buNone/>
              <a:defRPr spc="0" baseline="0"/>
            </a:lvl2pPr>
          </a:lstStyle>
          <a:p>
            <a:pPr lvl="0"/>
            <a:r>
              <a:rPr lang="en-US"/>
              <a:t>Click to edit Master text styles</a:t>
            </a:r>
          </a:p>
        </p:txBody>
      </p:sp>
      <p:pic>
        <p:nvPicPr>
          <p:cNvPr id="2" name="Graphic 1">
            <a:extLst>
              <a:ext uri="{FF2B5EF4-FFF2-40B4-BE49-F238E27FC236}">
                <a16:creationId xmlns:a16="http://schemas.microsoft.com/office/drawing/2014/main" id="{40BE8EFD-E32B-F652-5445-A922EFE18844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11493088" y="476251"/>
            <a:ext cx="256032" cy="2560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91321209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4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A person looking up to the sky&#10;&#10;Description automatically generated">
            <a:extLst>
              <a:ext uri="{FF2B5EF4-FFF2-40B4-BE49-F238E27FC236}">
                <a16:creationId xmlns:a16="http://schemas.microsoft.com/office/drawing/2014/main" id="{56813195-71E7-1603-B42D-4EC6B5101EAC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10014405" cy="45121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  <a:noAutofit/>
          </a:bodyPr>
          <a:lstStyle>
            <a:lvl1pPr>
              <a:defRPr sz="3600"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32pt, Ericsson Black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D879308-9DFF-0CEC-1F55-9C5411C0DEFC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479424" y="982979"/>
            <a:ext cx="10014405" cy="275410"/>
          </a:xfrm>
          <a:noFill/>
        </p:spPr>
        <p:txBody>
          <a:bodyPr anchor="ctr"/>
          <a:lstStyle>
            <a:lvl1pPr marL="0" indent="0">
              <a:buNone/>
              <a:defRPr sz="1400" spc="0" baseline="0">
                <a:latin typeface="+mj-lt"/>
              </a:defRPr>
            </a:lvl1pPr>
            <a:lvl2pPr marL="265113" indent="0">
              <a:buNone/>
              <a:defRPr spc="0" baseline="0"/>
            </a:lvl2pPr>
          </a:lstStyle>
          <a:p>
            <a:pPr lvl="0"/>
            <a:r>
              <a:rPr lang="en-US"/>
              <a:t>Click to edit Master text styles</a:t>
            </a:r>
          </a:p>
        </p:txBody>
      </p:sp>
      <p:pic>
        <p:nvPicPr>
          <p:cNvPr id="2" name="Graphic 1">
            <a:extLst>
              <a:ext uri="{FF2B5EF4-FFF2-40B4-BE49-F238E27FC236}">
                <a16:creationId xmlns:a16="http://schemas.microsoft.com/office/drawing/2014/main" id="{40BE8EFD-E32B-F652-5445-A922EFE18844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11493088" y="476251"/>
            <a:ext cx="256032" cy="2560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15948995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3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_SM">
            <a:extLst>
              <a:ext uri="{FF2B5EF4-FFF2-40B4-BE49-F238E27FC236}">
                <a16:creationId xmlns:a16="http://schemas.microsoft.com/office/drawing/2014/main" id="{0F9B8209-CCF1-AB91-A7B0-77233D650509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10014405" cy="45121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  <a:noAutofit/>
          </a:bodyPr>
          <a:lstStyle>
            <a:lvl1pPr>
              <a:defRPr sz="3600"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32pt, Ericsson Black</a:t>
            </a:r>
          </a:p>
        </p:txBody>
      </p:sp>
      <p:sp>
        <p:nvSpPr>
          <p:cNvPr id="3" name="Text Placeholder 5">
            <a:extLst>
              <a:ext uri="{FF2B5EF4-FFF2-40B4-BE49-F238E27FC236}">
                <a16:creationId xmlns:a16="http://schemas.microsoft.com/office/drawing/2014/main" id="{F096F9AD-AA80-269C-F0AE-29E379000E3E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479424" y="982979"/>
            <a:ext cx="10014405" cy="275410"/>
          </a:xfrm>
          <a:noFill/>
        </p:spPr>
        <p:txBody>
          <a:bodyPr anchor="ctr"/>
          <a:lstStyle>
            <a:lvl1pPr marL="0" indent="0">
              <a:buNone/>
              <a:defRPr sz="1400" spc="0" baseline="0">
                <a:latin typeface="+mj-lt"/>
              </a:defRPr>
            </a:lvl1pPr>
            <a:lvl2pPr marL="265113" indent="0">
              <a:buNone/>
              <a:defRPr spc="0" baseline="0"/>
            </a:lvl2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193338597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Black blank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>
            <a:extLst>
              <a:ext uri="{FF2B5EF4-FFF2-40B4-BE49-F238E27FC236}">
                <a16:creationId xmlns:a16="http://schemas.microsoft.com/office/drawing/2014/main" id="{0E0D2D4F-D3BD-0854-24A7-D69C0CEF353B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1" r="-1"/>
          <a:stretch/>
        </p:blipFill>
        <p:spPr>
          <a:xfrm>
            <a:off x="-1" y="0"/>
            <a:ext cx="12192001" cy="6858000"/>
          </a:xfrm>
          <a:prstGeom prst="rect">
            <a:avLst/>
          </a:prstGeom>
        </p:spPr>
      </p:pic>
      <p:sp>
        <p:nvSpPr>
          <p:cNvPr id="5" name="Title_SM">
            <a:extLst>
              <a:ext uri="{FF2B5EF4-FFF2-40B4-BE49-F238E27FC236}">
                <a16:creationId xmlns:a16="http://schemas.microsoft.com/office/drawing/2014/main" id="{4C620BA6-7A83-6FA7-2D46-9D2AAAA691F3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10014405" cy="45121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  <a:noAutofit/>
          </a:bodyPr>
          <a:lstStyle>
            <a:lvl1pPr>
              <a:defRPr sz="3600"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32pt, Ericsson Black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CCA5FB52-B8A6-71F0-5DE9-138C64203094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479424" y="982979"/>
            <a:ext cx="10014405" cy="275410"/>
          </a:xfrm>
          <a:noFill/>
        </p:spPr>
        <p:txBody>
          <a:bodyPr anchor="ctr"/>
          <a:lstStyle>
            <a:lvl1pPr marL="0" indent="0">
              <a:buNone/>
              <a:defRPr sz="1400" spc="0" baseline="0">
                <a:latin typeface="+mj-lt"/>
              </a:defRPr>
            </a:lvl1pPr>
            <a:lvl2pPr marL="265113" indent="0">
              <a:buNone/>
              <a:defRPr spc="0" baseline="0"/>
            </a:lvl2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51373698-5BAD-06D6-A158-EF539C33C7ED}"/>
              </a:ext>
            </a:extLst>
          </p:cNvPr>
          <p:cNvSpPr txBox="1"/>
          <p:nvPr userDrawn="1"/>
        </p:nvSpPr>
        <p:spPr>
          <a:xfrm>
            <a:off x="396000" y="6524625"/>
            <a:ext cx="4861908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tx1"/>
                </a:solidFill>
                <a:latin typeface="+mn-lt"/>
              </a:rPr>
              <a:t>  |  EPHILFR Philipp Frank  |  A  |  2023-09-08  |  CNS AI Differentiators  |  Ericsson Confidential  |  Page </a:t>
            </a:r>
            <a:fld id="{0B0BFD62-E257-4FCA-B906-B8FE6B7D9467}" type="slidenum">
              <a:rPr lang="en-US" sz="800" b="0" i="0" u="none" smtClean="0">
                <a:solidFill>
                  <a:schemeClr val="tx1"/>
                </a:solidFill>
                <a:latin typeface="+mn-lt"/>
              </a:rPr>
              <a:t>‹#›</a:t>
            </a:fld>
            <a:r>
              <a:rPr lang="en-US" sz="800" b="0" i="0" u="none">
                <a:solidFill>
                  <a:schemeClr val="tx1"/>
                </a:solidFill>
                <a:latin typeface="+mn-lt"/>
              </a:rPr>
              <a:t> of 7</a:t>
            </a:r>
          </a:p>
        </p:txBody>
      </p:sp>
    </p:spTree>
    <p:extLst>
      <p:ext uri="{BB962C8B-B14F-4D97-AF65-F5344CB8AC3E}">
        <p14:creationId xmlns:p14="http://schemas.microsoft.com/office/powerpoint/2010/main" val="196728342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8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 descr="A view of earth from space&#10;&#10;Description automatically generated with low confidence">
            <a:extLst>
              <a:ext uri="{FF2B5EF4-FFF2-40B4-BE49-F238E27FC236}">
                <a16:creationId xmlns:a16="http://schemas.microsoft.com/office/drawing/2014/main" id="{15115C58-5CA5-A3B2-1F84-741AD73E3ADA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-4"/>
          <a:stretch/>
        </p:blipFill>
        <p:spPr>
          <a:xfrm>
            <a:off x="0" y="-1"/>
            <a:ext cx="12192000" cy="1682497"/>
          </a:xfrm>
          <a:prstGeom prst="rect">
            <a:avLst/>
          </a:prstGeom>
        </p:spPr>
      </p:pic>
      <p:pic>
        <p:nvPicPr>
          <p:cNvPr id="3" name="Graphic 2">
            <a:extLst>
              <a:ext uri="{FF2B5EF4-FFF2-40B4-BE49-F238E27FC236}">
                <a16:creationId xmlns:a16="http://schemas.microsoft.com/office/drawing/2014/main" id="{9421CD10-E826-46DD-E1DB-04CA0DF1DEFF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11493088" y="476251"/>
            <a:ext cx="256032" cy="256032"/>
          </a:xfrm>
          <a:prstGeom prst="rect">
            <a:avLst/>
          </a:prstGeom>
        </p:spPr>
      </p:pic>
      <p:sp>
        <p:nvSpPr>
          <p:cNvPr id="5" name="Title_SM">
            <a:extLst>
              <a:ext uri="{FF2B5EF4-FFF2-40B4-BE49-F238E27FC236}">
                <a16:creationId xmlns:a16="http://schemas.microsoft.com/office/drawing/2014/main" id="{9C4780AD-2BB2-96A0-D72C-90CC2FB9B212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9301390" cy="45121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  <a:noAutofit/>
          </a:bodyPr>
          <a:lstStyle>
            <a:lvl1pPr>
              <a:defRPr sz="32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Slide title, Ericsson Hilda Light 32pt, Ericsson Black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A380C0F8-C0E2-12DB-B19C-705EC6B4E7C8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479424" y="982979"/>
            <a:ext cx="9301390" cy="275410"/>
          </a:xfrm>
          <a:noFill/>
        </p:spPr>
        <p:txBody>
          <a:bodyPr anchor="ctr"/>
          <a:lstStyle>
            <a:lvl1pPr marL="0" indent="0">
              <a:buNone/>
              <a:defRPr sz="1200" spc="0" baseline="0">
                <a:solidFill>
                  <a:schemeClr val="bg1"/>
                </a:solidFill>
                <a:latin typeface="+mj-lt"/>
              </a:defRPr>
            </a:lvl1pPr>
            <a:lvl2pPr marL="265113" indent="0">
              <a:buNone/>
              <a:defRPr spc="0" baseline="0"/>
            </a:lvl2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49718513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ck blank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E6869961-F931-4F1E-9FB3-8587EBA3F36F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5D9DB7BA-3A2F-46BA-A617-2A049434CD6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93088" y="476251"/>
            <a:ext cx="256032" cy="2560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8447476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7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 descr="A view of earth from space&#10;&#10;Description automatically generated with low confidence">
            <a:extLst>
              <a:ext uri="{FF2B5EF4-FFF2-40B4-BE49-F238E27FC236}">
                <a16:creationId xmlns:a16="http://schemas.microsoft.com/office/drawing/2014/main" id="{15115C58-5CA5-A3B2-1F84-741AD73E3ADA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-4"/>
          <a:stretch/>
        </p:blipFill>
        <p:spPr>
          <a:xfrm>
            <a:off x="0" y="-1"/>
            <a:ext cx="12192000" cy="1682497"/>
          </a:xfrm>
          <a:prstGeom prst="rect">
            <a:avLst/>
          </a:prstGeom>
        </p:spPr>
      </p:pic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9365616" cy="61776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9421CD10-E826-46DD-E1DB-04CA0DF1DEFF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11493088" y="476251"/>
            <a:ext cx="256032" cy="2560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74525206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5_Title Only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  <p:pic>
        <p:nvPicPr>
          <p:cNvPr id="2" name="Graphic 1">
            <a:extLst>
              <a:ext uri="{FF2B5EF4-FFF2-40B4-BE49-F238E27FC236}">
                <a16:creationId xmlns:a16="http://schemas.microsoft.com/office/drawing/2014/main" id="{B59FF7B7-A5C2-19B9-A430-CF954A87380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93088" y="476251"/>
            <a:ext cx="256032" cy="2560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92349489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itle and 1 column">
    <p:bg>
      <p:bgPr>
        <a:solidFill>
          <a:schemeClr val="accent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10521950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Use this layout for document slides when you need space for a long heading and big content area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10CFEFC-6AC8-4817-A0D3-6029D48BD293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79425" y="1844675"/>
            <a:ext cx="11233150" cy="4392612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</p:spTree>
    <p:extLst>
      <p:ext uri="{BB962C8B-B14F-4D97-AF65-F5344CB8AC3E}">
        <p14:creationId xmlns:p14="http://schemas.microsoft.com/office/powerpoint/2010/main" val="2868978565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1_Title and 1 column">
    <p:bg>
      <p:bgPr>
        <a:solidFill>
          <a:schemeClr val="accent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10521950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Use this layout for document slides when you need space for a long heading and big content area</a:t>
            </a:r>
          </a:p>
        </p:txBody>
      </p:sp>
    </p:spTree>
    <p:extLst>
      <p:ext uri="{BB962C8B-B14F-4D97-AF65-F5344CB8AC3E}">
        <p14:creationId xmlns:p14="http://schemas.microsoft.com/office/powerpoint/2010/main" val="2450300828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1 smaller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_SM">
            <a:extLst>
              <a:ext uri="{FF2B5EF4-FFF2-40B4-BE49-F238E27FC236}">
                <a16:creationId xmlns:a16="http://schemas.microsoft.com/office/drawing/2014/main" id="{3F4EF873-DC0F-4698-BEC2-502DB043AA5C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Use this layout for presentations using short and crisp headings</a:t>
            </a:r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784F54AF-EED6-486A-9ACA-42061F4AAE9A}"/>
              </a:ext>
            </a:extLst>
          </p:cNvPr>
          <p:cNvSpPr>
            <a:spLocks noGrp="1"/>
          </p:cNvSpPr>
          <p:nvPr>
            <p:ph sz="quarter" idx="11" hasCustomPrompt="1"/>
          </p:nvPr>
        </p:nvSpPr>
        <p:spPr>
          <a:xfrm>
            <a:off x="479425" y="1844675"/>
            <a:ext cx="8353426" cy="4392612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</p:spTree>
    <p:extLst>
      <p:ext uri="{BB962C8B-B14F-4D97-AF65-F5344CB8AC3E}">
        <p14:creationId xmlns:p14="http://schemas.microsoft.com/office/powerpoint/2010/main" val="1886413535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_SM">
            <a:extLst>
              <a:ext uri="{FF2B5EF4-FFF2-40B4-BE49-F238E27FC236}">
                <a16:creationId xmlns:a16="http://schemas.microsoft.com/office/drawing/2014/main" id="{891BF4C4-9DF9-4D9F-A738-37FBCD45AA68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  <p:sp>
        <p:nvSpPr>
          <p:cNvPr id="3" name="Content Placeholder 1"/>
          <p:cNvSpPr>
            <a:spLocks noGrp="1"/>
          </p:cNvSpPr>
          <p:nvPr>
            <p:ph sz="half" idx="1" hasCustomPrompt="1"/>
          </p:nvPr>
        </p:nvSpPr>
        <p:spPr>
          <a:xfrm>
            <a:off x="479425" y="1844675"/>
            <a:ext cx="5472113" cy="4392612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5" name="Content Placeholder 3"/>
          <p:cNvSpPr>
            <a:spLocks noGrp="1"/>
          </p:cNvSpPr>
          <p:nvPr>
            <p:ph sz="quarter" idx="3" hasCustomPrompt="1"/>
          </p:nvPr>
        </p:nvSpPr>
        <p:spPr>
          <a:xfrm>
            <a:off x="6240463" y="1844674"/>
            <a:ext cx="5472112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</p:spTree>
    <p:extLst>
      <p:ext uri="{BB962C8B-B14F-4D97-AF65-F5344CB8AC3E}">
        <p14:creationId xmlns:p14="http://schemas.microsoft.com/office/powerpoint/2010/main" val="1432371217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_SM">
            <a:extLst>
              <a:ext uri="{FF2B5EF4-FFF2-40B4-BE49-F238E27FC236}">
                <a16:creationId xmlns:a16="http://schemas.microsoft.com/office/drawing/2014/main" id="{6B686A21-AA96-4B0A-B7CE-F4C6D5D31B32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  <p:sp>
        <p:nvSpPr>
          <p:cNvPr id="6" name="Content Placeholder 1"/>
          <p:cNvSpPr>
            <a:spLocks noGrp="1"/>
          </p:cNvSpPr>
          <p:nvPr>
            <p:ph sz="quarter" idx="11" hasCustomPrompt="1"/>
          </p:nvPr>
        </p:nvSpPr>
        <p:spPr>
          <a:xfrm>
            <a:off x="479425" y="2042413"/>
            <a:ext cx="3528000" cy="4196779"/>
          </a:xfrm>
          <a:prstGeom prst="rect">
            <a:avLst/>
          </a:prstGeom>
        </p:spPr>
        <p:txBody>
          <a:bodyPr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8" name="Content Placeholder 2"/>
          <p:cNvSpPr>
            <a:spLocks noGrp="1"/>
          </p:cNvSpPr>
          <p:nvPr>
            <p:ph sz="quarter" idx="12" hasCustomPrompt="1"/>
          </p:nvPr>
        </p:nvSpPr>
        <p:spPr>
          <a:xfrm>
            <a:off x="4332814" y="2040508"/>
            <a:ext cx="3528000" cy="4196779"/>
          </a:xfrm>
          <a:prstGeom prst="rect">
            <a:avLst/>
          </a:prstGeom>
        </p:spPr>
        <p:txBody>
          <a:bodyPr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8E3794F8-471D-4987-945F-3C29BB03AB49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184575" y="2040380"/>
            <a:ext cx="3528000" cy="4198813"/>
          </a:xfrm>
          <a:prstGeom prst="rect">
            <a:avLst/>
          </a:prstGeom>
        </p:spPr>
        <p:txBody>
          <a:bodyPr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</p:spTree>
    <p:extLst>
      <p:ext uri="{BB962C8B-B14F-4D97-AF65-F5344CB8AC3E}">
        <p14:creationId xmlns:p14="http://schemas.microsoft.com/office/powerpoint/2010/main" val="782349255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Title and 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_SM">
            <a:extLst>
              <a:ext uri="{FF2B5EF4-FFF2-40B4-BE49-F238E27FC236}">
                <a16:creationId xmlns:a16="http://schemas.microsoft.com/office/drawing/2014/main" id="{6B686A21-AA96-4B0A-B7CE-F4C6D5D31B32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  <p:sp>
        <p:nvSpPr>
          <p:cNvPr id="6" name="Content Placeholder 1"/>
          <p:cNvSpPr>
            <a:spLocks noGrp="1"/>
          </p:cNvSpPr>
          <p:nvPr>
            <p:ph sz="quarter" idx="11" hasCustomPrompt="1"/>
          </p:nvPr>
        </p:nvSpPr>
        <p:spPr>
          <a:xfrm>
            <a:off x="479425" y="2042413"/>
            <a:ext cx="3528000" cy="4196779"/>
          </a:xfrm>
          <a:prstGeom prst="homePlate">
            <a:avLst>
              <a:gd name="adj" fmla="val 12080"/>
            </a:avLst>
          </a:prstGeom>
          <a:solidFill>
            <a:schemeClr val="tx1">
              <a:lumMod val="10000"/>
              <a:lumOff val="90000"/>
            </a:schemeClr>
          </a:solidFill>
        </p:spPr>
        <p:txBody>
          <a:bodyPr rIns="274320"/>
          <a:lstStyle>
            <a:lvl1pPr>
              <a:defRPr sz="1400">
                <a:solidFill>
                  <a:schemeClr val="tx1"/>
                </a:solidFill>
              </a:defRPr>
            </a:lvl1pPr>
            <a:lvl2pPr>
              <a:defRPr sz="1100">
                <a:solidFill>
                  <a:schemeClr val="tx1"/>
                </a:solidFill>
              </a:defRPr>
            </a:lvl2pPr>
            <a:lvl3pPr>
              <a:defRPr sz="1100"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2D3B9467-CBC0-BD8A-5299-5DB59A94F4D0}"/>
              </a:ext>
            </a:extLst>
          </p:cNvPr>
          <p:cNvSpPr>
            <a:spLocks noGrp="1"/>
          </p:cNvSpPr>
          <p:nvPr>
            <p:ph sz="quarter" idx="12" hasCustomPrompt="1"/>
          </p:nvPr>
        </p:nvSpPr>
        <p:spPr>
          <a:xfrm>
            <a:off x="4332000" y="2042413"/>
            <a:ext cx="3528000" cy="4196779"/>
          </a:xfrm>
          <a:prstGeom prst="homePlate">
            <a:avLst>
              <a:gd name="adj" fmla="val 12080"/>
            </a:avLst>
          </a:prstGeom>
          <a:solidFill>
            <a:schemeClr val="tx1">
              <a:lumMod val="10000"/>
              <a:lumOff val="90000"/>
            </a:schemeClr>
          </a:solidFill>
        </p:spPr>
        <p:txBody>
          <a:bodyPr rIns="274320"/>
          <a:lstStyle>
            <a:lvl1pPr>
              <a:defRPr sz="1400">
                <a:solidFill>
                  <a:schemeClr val="tx1"/>
                </a:solidFill>
              </a:defRPr>
            </a:lvl1pPr>
            <a:lvl2pPr>
              <a:defRPr sz="1100">
                <a:solidFill>
                  <a:schemeClr val="tx1"/>
                </a:solidFill>
              </a:defRPr>
            </a:lvl2pPr>
            <a:lvl3pPr>
              <a:defRPr sz="1100"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3" name="Content Placeholder 1">
            <a:extLst>
              <a:ext uri="{FF2B5EF4-FFF2-40B4-BE49-F238E27FC236}">
                <a16:creationId xmlns:a16="http://schemas.microsoft.com/office/drawing/2014/main" id="{054F290C-E952-8AF2-5372-454CB7C5A6E1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184575" y="2042413"/>
            <a:ext cx="3528000" cy="4196779"/>
          </a:xfrm>
          <a:prstGeom prst="homePlate">
            <a:avLst>
              <a:gd name="adj" fmla="val 12080"/>
            </a:avLst>
          </a:prstGeom>
          <a:solidFill>
            <a:schemeClr val="tx1">
              <a:lumMod val="10000"/>
              <a:lumOff val="90000"/>
            </a:schemeClr>
          </a:solidFill>
        </p:spPr>
        <p:txBody>
          <a:bodyPr rIns="274320"/>
          <a:lstStyle>
            <a:lvl1pPr>
              <a:defRPr sz="1400">
                <a:solidFill>
                  <a:schemeClr val="tx1"/>
                </a:solidFill>
              </a:defRPr>
            </a:lvl1pPr>
            <a:lvl2pPr>
              <a:defRPr sz="1100">
                <a:solidFill>
                  <a:schemeClr val="tx1"/>
                </a:solidFill>
              </a:defRPr>
            </a:lvl2pPr>
            <a:lvl3pPr>
              <a:defRPr sz="1100"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</p:spTree>
    <p:extLst>
      <p:ext uri="{BB962C8B-B14F-4D97-AF65-F5344CB8AC3E}">
        <p14:creationId xmlns:p14="http://schemas.microsoft.com/office/powerpoint/2010/main" val="3359530856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itle and 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_SM">
            <a:extLst>
              <a:ext uri="{FF2B5EF4-FFF2-40B4-BE49-F238E27FC236}">
                <a16:creationId xmlns:a16="http://schemas.microsoft.com/office/drawing/2014/main" id="{6B686A21-AA96-4B0A-B7CE-F4C6D5D31B32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  <p:sp>
        <p:nvSpPr>
          <p:cNvPr id="6" name="Content Placeholder 1"/>
          <p:cNvSpPr>
            <a:spLocks noGrp="1"/>
          </p:cNvSpPr>
          <p:nvPr>
            <p:ph sz="quarter" idx="11" hasCustomPrompt="1"/>
          </p:nvPr>
        </p:nvSpPr>
        <p:spPr>
          <a:xfrm>
            <a:off x="479425" y="2560423"/>
            <a:ext cx="3528000" cy="3678769"/>
          </a:xfrm>
          <a:prstGeom prst="rect">
            <a:avLst/>
          </a:prstGeom>
        </p:spPr>
        <p:txBody>
          <a:bodyPr/>
          <a:lstStyle>
            <a:lvl1pPr>
              <a:defRPr sz="1400">
                <a:solidFill>
                  <a:schemeClr val="tx1"/>
                </a:solidFill>
              </a:defRPr>
            </a:lvl1pPr>
            <a:lvl2pPr>
              <a:defRPr sz="1100">
                <a:solidFill>
                  <a:schemeClr val="tx1"/>
                </a:solidFill>
              </a:defRPr>
            </a:lvl2pPr>
            <a:lvl3pPr>
              <a:defRPr sz="1100"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8" name="Content Placeholder 2"/>
          <p:cNvSpPr>
            <a:spLocks noGrp="1"/>
          </p:cNvSpPr>
          <p:nvPr>
            <p:ph sz="quarter" idx="12" hasCustomPrompt="1"/>
          </p:nvPr>
        </p:nvSpPr>
        <p:spPr>
          <a:xfrm>
            <a:off x="4332814" y="2558518"/>
            <a:ext cx="3528000" cy="3678769"/>
          </a:xfrm>
          <a:prstGeom prst="rect">
            <a:avLst/>
          </a:prstGeom>
        </p:spPr>
        <p:txBody>
          <a:bodyPr/>
          <a:lstStyle>
            <a:lvl1pPr>
              <a:defRPr sz="1400">
                <a:solidFill>
                  <a:schemeClr val="tx1"/>
                </a:solidFill>
              </a:defRPr>
            </a:lvl1pPr>
            <a:lvl2pPr>
              <a:defRPr sz="1100">
                <a:solidFill>
                  <a:schemeClr val="tx1"/>
                </a:solidFill>
              </a:defRPr>
            </a:lvl2pPr>
            <a:lvl3pPr>
              <a:defRPr sz="1100"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8E3794F8-471D-4987-945F-3C29BB03AB49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184575" y="2558641"/>
            <a:ext cx="3528000" cy="3680552"/>
          </a:xfrm>
          <a:prstGeom prst="rect">
            <a:avLst/>
          </a:prstGeom>
        </p:spPr>
        <p:txBody>
          <a:bodyPr/>
          <a:lstStyle>
            <a:lvl1pPr>
              <a:defRPr sz="1400">
                <a:solidFill>
                  <a:schemeClr val="tx1"/>
                </a:solidFill>
              </a:defRPr>
            </a:lvl1pPr>
            <a:lvl2pPr>
              <a:defRPr sz="1100">
                <a:solidFill>
                  <a:schemeClr val="tx1"/>
                </a:solidFill>
              </a:defRPr>
            </a:lvl2pPr>
            <a:lvl3pPr>
              <a:defRPr sz="1100"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9C399F3B-C8F9-3918-A82A-EF7A3AEE9582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479425" y="1900870"/>
            <a:ext cx="3528000" cy="657647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/>
          <a:lstStyle>
            <a:lvl1pPr marL="0" indent="0">
              <a:buNone/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</a:t>
            </a:r>
          </a:p>
        </p:txBody>
      </p:sp>
      <p:sp>
        <p:nvSpPr>
          <p:cNvPr id="3" name="Content Placeholder 1">
            <a:extLst>
              <a:ext uri="{FF2B5EF4-FFF2-40B4-BE49-F238E27FC236}">
                <a16:creationId xmlns:a16="http://schemas.microsoft.com/office/drawing/2014/main" id="{8DE33588-B339-3FB5-5036-F0E7AECFB1D1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4332814" y="1900870"/>
            <a:ext cx="3528000" cy="657647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/>
          <a:lstStyle>
            <a:lvl1pPr marL="0" indent="0">
              <a:buNone/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</a:t>
            </a:r>
          </a:p>
        </p:txBody>
      </p:sp>
      <p:sp>
        <p:nvSpPr>
          <p:cNvPr id="4" name="Content Placeholder 1">
            <a:extLst>
              <a:ext uri="{FF2B5EF4-FFF2-40B4-BE49-F238E27FC236}">
                <a16:creationId xmlns:a16="http://schemas.microsoft.com/office/drawing/2014/main" id="{E06EC4E5-0179-46D7-73B1-9C046D4BD84F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8184575" y="1900870"/>
            <a:ext cx="3528000" cy="657647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/>
          <a:lstStyle>
            <a:lvl1pPr marL="0" indent="0">
              <a:buNone/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</a:t>
            </a:r>
          </a:p>
        </p:txBody>
      </p:sp>
    </p:spTree>
    <p:extLst>
      <p:ext uri="{BB962C8B-B14F-4D97-AF65-F5344CB8AC3E}">
        <p14:creationId xmlns:p14="http://schemas.microsoft.com/office/powerpoint/2010/main" val="1241881568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itle and 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_SM">
            <a:extLst>
              <a:ext uri="{FF2B5EF4-FFF2-40B4-BE49-F238E27FC236}">
                <a16:creationId xmlns:a16="http://schemas.microsoft.com/office/drawing/2014/main" id="{6B686A21-AA96-4B0A-B7CE-F4C6D5D31B32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  <p:sp>
        <p:nvSpPr>
          <p:cNvPr id="6" name="Content Placeholder 1"/>
          <p:cNvSpPr>
            <a:spLocks noGrp="1"/>
          </p:cNvSpPr>
          <p:nvPr>
            <p:ph sz="quarter" idx="11" hasCustomPrompt="1"/>
          </p:nvPr>
        </p:nvSpPr>
        <p:spPr>
          <a:xfrm>
            <a:off x="479425" y="2558580"/>
            <a:ext cx="2468880" cy="3678769"/>
          </a:xfrm>
          <a:prstGeom prst="rect">
            <a:avLst/>
          </a:prstGeom>
          <a:solidFill>
            <a:schemeClr val="tx1">
              <a:lumMod val="10000"/>
              <a:lumOff val="90000"/>
            </a:schemeClr>
          </a:solidFill>
        </p:spPr>
        <p:txBody>
          <a:bodyPr tIns="91440"/>
          <a:lstStyle>
            <a:lvl1pPr>
              <a:defRPr sz="1100">
                <a:solidFill>
                  <a:schemeClr val="tx1"/>
                </a:solidFill>
              </a:defRPr>
            </a:lvl1pPr>
            <a:lvl2pPr>
              <a:defRPr sz="1100">
                <a:solidFill>
                  <a:schemeClr val="tx1"/>
                </a:solidFill>
              </a:defRPr>
            </a:lvl2pPr>
            <a:lvl3pPr>
              <a:defRPr sz="1100"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8" name="Content Placeholder 2"/>
          <p:cNvSpPr>
            <a:spLocks noGrp="1"/>
          </p:cNvSpPr>
          <p:nvPr>
            <p:ph sz="quarter" idx="12" hasCustomPrompt="1"/>
          </p:nvPr>
        </p:nvSpPr>
        <p:spPr>
          <a:xfrm>
            <a:off x="3370269" y="2558580"/>
            <a:ext cx="2468880" cy="3678769"/>
          </a:xfrm>
          <a:prstGeom prst="rect">
            <a:avLst/>
          </a:prstGeom>
          <a:solidFill>
            <a:schemeClr val="tx1">
              <a:lumMod val="10000"/>
              <a:lumOff val="90000"/>
            </a:schemeClr>
          </a:solidFill>
        </p:spPr>
        <p:txBody>
          <a:bodyPr tIns="91440"/>
          <a:lstStyle>
            <a:lvl1pPr>
              <a:defRPr sz="1100">
                <a:solidFill>
                  <a:schemeClr val="tx1"/>
                </a:solidFill>
              </a:defRPr>
            </a:lvl1pPr>
            <a:lvl2pPr>
              <a:defRPr sz="1100">
                <a:solidFill>
                  <a:schemeClr val="tx1"/>
                </a:solidFill>
              </a:defRPr>
            </a:lvl2pPr>
            <a:lvl3pPr>
              <a:defRPr sz="1100"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8E3794F8-471D-4987-945F-3C29BB03AB49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6261113" y="2557688"/>
            <a:ext cx="2468880" cy="3680552"/>
          </a:xfrm>
          <a:prstGeom prst="rect">
            <a:avLst/>
          </a:prstGeom>
          <a:solidFill>
            <a:schemeClr val="tx1">
              <a:lumMod val="10000"/>
              <a:lumOff val="90000"/>
            </a:schemeClr>
          </a:solidFill>
        </p:spPr>
        <p:txBody>
          <a:bodyPr tIns="91440"/>
          <a:lstStyle>
            <a:lvl1pPr>
              <a:defRPr sz="1100">
                <a:solidFill>
                  <a:schemeClr val="tx1"/>
                </a:solidFill>
              </a:defRPr>
            </a:lvl1pPr>
            <a:lvl2pPr>
              <a:defRPr sz="1100">
                <a:solidFill>
                  <a:schemeClr val="tx1"/>
                </a:solidFill>
              </a:defRPr>
            </a:lvl2pPr>
            <a:lvl3pPr>
              <a:defRPr sz="1100"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9C399F3B-C8F9-3918-A82A-EF7A3AEE9582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479425" y="1900870"/>
            <a:ext cx="2468880" cy="657647"/>
          </a:xfrm>
          <a:prstGeom prst="rect">
            <a:avLst/>
          </a:prstGeom>
          <a:solidFill>
            <a:schemeClr val="accent1"/>
          </a:solidFill>
        </p:spPr>
        <p:txBody>
          <a:bodyPr/>
          <a:lstStyle>
            <a:lvl1pPr marL="0" indent="0">
              <a:buNone/>
              <a:defRPr sz="1200">
                <a:solidFill>
                  <a:schemeClr val="bg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</a:t>
            </a:r>
          </a:p>
        </p:txBody>
      </p:sp>
      <p:sp>
        <p:nvSpPr>
          <p:cNvPr id="3" name="Content Placeholder 1">
            <a:extLst>
              <a:ext uri="{FF2B5EF4-FFF2-40B4-BE49-F238E27FC236}">
                <a16:creationId xmlns:a16="http://schemas.microsoft.com/office/drawing/2014/main" id="{8DE33588-B339-3FB5-5036-F0E7AECFB1D1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3370269" y="1900870"/>
            <a:ext cx="2468880" cy="657647"/>
          </a:xfrm>
          <a:prstGeom prst="rect">
            <a:avLst/>
          </a:prstGeom>
          <a:solidFill>
            <a:schemeClr val="accent1"/>
          </a:solidFill>
        </p:spPr>
        <p:txBody>
          <a:bodyPr/>
          <a:lstStyle>
            <a:lvl1pPr marL="0" indent="0">
              <a:buNone/>
              <a:defRPr sz="1200">
                <a:solidFill>
                  <a:schemeClr val="bg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</a:t>
            </a:r>
          </a:p>
        </p:txBody>
      </p:sp>
      <p:sp>
        <p:nvSpPr>
          <p:cNvPr id="4" name="Content Placeholder 1">
            <a:extLst>
              <a:ext uri="{FF2B5EF4-FFF2-40B4-BE49-F238E27FC236}">
                <a16:creationId xmlns:a16="http://schemas.microsoft.com/office/drawing/2014/main" id="{E06EC4E5-0179-46D7-73B1-9C046D4BD84F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6261113" y="1900870"/>
            <a:ext cx="2468880" cy="657647"/>
          </a:xfrm>
          <a:prstGeom prst="rect">
            <a:avLst/>
          </a:prstGeom>
          <a:solidFill>
            <a:schemeClr val="accent1"/>
          </a:solidFill>
        </p:spPr>
        <p:txBody>
          <a:bodyPr/>
          <a:lstStyle>
            <a:lvl1pPr marL="0" indent="0">
              <a:buNone/>
              <a:defRPr sz="1200">
                <a:solidFill>
                  <a:schemeClr val="bg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</a:t>
            </a:r>
          </a:p>
        </p:txBody>
      </p:sp>
      <p:sp>
        <p:nvSpPr>
          <p:cNvPr id="5" name="Content Placeholder 3">
            <a:extLst>
              <a:ext uri="{FF2B5EF4-FFF2-40B4-BE49-F238E27FC236}">
                <a16:creationId xmlns:a16="http://schemas.microsoft.com/office/drawing/2014/main" id="{F84C86EB-7453-9899-E7DD-8F8DD7E49A76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9151958" y="2557688"/>
            <a:ext cx="2468880" cy="3680552"/>
          </a:xfrm>
          <a:prstGeom prst="rect">
            <a:avLst/>
          </a:prstGeom>
          <a:solidFill>
            <a:schemeClr val="tx1">
              <a:lumMod val="10000"/>
              <a:lumOff val="90000"/>
            </a:schemeClr>
          </a:solidFill>
        </p:spPr>
        <p:txBody>
          <a:bodyPr tIns="91440"/>
          <a:lstStyle>
            <a:lvl1pPr>
              <a:defRPr sz="1100">
                <a:solidFill>
                  <a:schemeClr val="tx1"/>
                </a:solidFill>
              </a:defRPr>
            </a:lvl1pPr>
            <a:lvl2pPr>
              <a:defRPr sz="1100">
                <a:solidFill>
                  <a:schemeClr val="tx1"/>
                </a:solidFill>
              </a:defRPr>
            </a:lvl2pPr>
            <a:lvl3pPr>
              <a:defRPr sz="1100"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9" name="Content Placeholder 1">
            <a:extLst>
              <a:ext uri="{FF2B5EF4-FFF2-40B4-BE49-F238E27FC236}">
                <a16:creationId xmlns:a16="http://schemas.microsoft.com/office/drawing/2014/main" id="{062BDF99-B191-A90F-0BA1-A9381092DFF3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9151958" y="1898964"/>
            <a:ext cx="2468880" cy="657647"/>
          </a:xfrm>
          <a:prstGeom prst="rect">
            <a:avLst/>
          </a:prstGeom>
          <a:solidFill>
            <a:schemeClr val="accent1"/>
          </a:solidFill>
        </p:spPr>
        <p:txBody>
          <a:bodyPr/>
          <a:lstStyle>
            <a:lvl1pPr marL="0" indent="0">
              <a:buNone/>
              <a:defRPr sz="1200">
                <a:solidFill>
                  <a:schemeClr val="bg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</a:t>
            </a:r>
          </a:p>
        </p:txBody>
      </p:sp>
    </p:spTree>
    <p:extLst>
      <p:ext uri="{BB962C8B-B14F-4D97-AF65-F5344CB8AC3E}">
        <p14:creationId xmlns:p14="http://schemas.microsoft.com/office/powerpoint/2010/main" val="211182359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</p:spTree>
    <p:extLst>
      <p:ext uri="{BB962C8B-B14F-4D97-AF65-F5344CB8AC3E}">
        <p14:creationId xmlns:p14="http://schemas.microsoft.com/office/powerpoint/2010/main" val="3415456144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4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_SM">
            <a:extLst>
              <a:ext uri="{FF2B5EF4-FFF2-40B4-BE49-F238E27FC236}">
                <a16:creationId xmlns:a16="http://schemas.microsoft.com/office/drawing/2014/main" id="{F4D71A67-F349-4E68-B7B8-D53CE323A764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479425" y="1844674"/>
            <a:ext cx="2592388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6" name="Content Placeholder 2"/>
          <p:cNvSpPr>
            <a:spLocks noGrp="1"/>
          </p:cNvSpPr>
          <p:nvPr>
            <p:ph sz="quarter" idx="11" hasCustomPrompt="1"/>
          </p:nvPr>
        </p:nvSpPr>
        <p:spPr>
          <a:xfrm>
            <a:off x="3359149" y="1844674"/>
            <a:ext cx="2592389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8" name="Content Placeholder 3"/>
          <p:cNvSpPr>
            <a:spLocks noGrp="1"/>
          </p:cNvSpPr>
          <p:nvPr>
            <p:ph sz="quarter" idx="12" hasCustomPrompt="1"/>
          </p:nvPr>
        </p:nvSpPr>
        <p:spPr>
          <a:xfrm>
            <a:off x="6240463" y="1844674"/>
            <a:ext cx="2592388" cy="4392614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9" name="Content Placeholder 4"/>
          <p:cNvSpPr>
            <a:spLocks noGrp="1"/>
          </p:cNvSpPr>
          <p:nvPr>
            <p:ph sz="quarter" idx="13" hasCustomPrompt="1"/>
          </p:nvPr>
        </p:nvSpPr>
        <p:spPr>
          <a:xfrm>
            <a:off x="9120188" y="1844674"/>
            <a:ext cx="2592387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</p:spTree>
    <p:extLst>
      <p:ext uri="{BB962C8B-B14F-4D97-AF65-F5344CB8AC3E}">
        <p14:creationId xmlns:p14="http://schemas.microsoft.com/office/powerpoint/2010/main" val="634815701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4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_SM">
            <a:extLst>
              <a:ext uri="{FF2B5EF4-FFF2-40B4-BE49-F238E27FC236}">
                <a16:creationId xmlns:a16="http://schemas.microsoft.com/office/drawing/2014/main" id="{2C948968-FB06-45CC-8259-6BDE4430EACB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  <p:sp>
        <p:nvSpPr>
          <p:cNvPr id="3" name="Content Placeholder 1"/>
          <p:cNvSpPr>
            <a:spLocks noGrp="1"/>
          </p:cNvSpPr>
          <p:nvPr>
            <p:ph sz="quarter" idx="1" hasCustomPrompt="1"/>
          </p:nvPr>
        </p:nvSpPr>
        <p:spPr>
          <a:xfrm>
            <a:off x="481655" y="1844674"/>
            <a:ext cx="5472113" cy="2089151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4" name="Content Placeholder 2"/>
          <p:cNvSpPr>
            <a:spLocks noGrp="1"/>
          </p:cNvSpPr>
          <p:nvPr>
            <p:ph sz="quarter" idx="2" hasCustomPrompt="1"/>
          </p:nvPr>
        </p:nvSpPr>
        <p:spPr>
          <a:xfrm>
            <a:off x="6242694" y="1847723"/>
            <a:ext cx="5472113" cy="2089151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6" name="Content Placeholder 3"/>
          <p:cNvSpPr>
            <a:spLocks noGrp="1"/>
          </p:cNvSpPr>
          <p:nvPr>
            <p:ph sz="quarter" idx="4" hasCustomPrompt="1"/>
          </p:nvPr>
        </p:nvSpPr>
        <p:spPr>
          <a:xfrm>
            <a:off x="6242694" y="4151955"/>
            <a:ext cx="5472113" cy="2087564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7" name="Content Placeholder 4">
            <a:extLst>
              <a:ext uri="{FF2B5EF4-FFF2-40B4-BE49-F238E27FC236}">
                <a16:creationId xmlns:a16="http://schemas.microsoft.com/office/drawing/2014/main" id="{5BD2C41D-0700-4885-AB77-25AFFE4E1FDA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81655" y="4152597"/>
            <a:ext cx="5472113" cy="2089151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</p:spTree>
    <p:extLst>
      <p:ext uri="{BB962C8B-B14F-4D97-AF65-F5344CB8AC3E}">
        <p14:creationId xmlns:p14="http://schemas.microsoft.com/office/powerpoint/2010/main" val="4082626130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8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_SM">
            <a:extLst>
              <a:ext uri="{FF2B5EF4-FFF2-40B4-BE49-F238E27FC236}">
                <a16:creationId xmlns:a16="http://schemas.microsoft.com/office/drawing/2014/main" id="{99858DC4-E787-41D2-A613-961D60F89117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10406289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  <p:sp>
        <p:nvSpPr>
          <p:cNvPr id="3" name="Content Placeholder 1"/>
          <p:cNvSpPr>
            <a:spLocks noGrp="1"/>
          </p:cNvSpPr>
          <p:nvPr>
            <p:ph sz="quarter" idx="1" hasCustomPrompt="1"/>
          </p:nvPr>
        </p:nvSpPr>
        <p:spPr>
          <a:xfrm>
            <a:off x="477908" y="2489922"/>
            <a:ext cx="3657600" cy="1645920"/>
          </a:xfrm>
          <a:prstGeom prst="rect">
            <a:avLst/>
          </a:prstGeom>
          <a:solidFill>
            <a:schemeClr val="tx1">
              <a:lumMod val="10000"/>
              <a:lumOff val="90000"/>
            </a:schemeClr>
          </a:solidFill>
          <a:ln>
            <a:noFill/>
          </a:ln>
        </p:spPr>
        <p:txBody>
          <a:bodyPr lIns="72000" tIns="91440"/>
          <a:lstStyle>
            <a:lvl1pPr>
              <a:spcBef>
                <a:spcPts val="0"/>
              </a:spcBef>
              <a:defRPr sz="1100">
                <a:solidFill>
                  <a:schemeClr val="tx1"/>
                </a:solidFill>
              </a:defRPr>
            </a:lvl1pPr>
            <a:lvl2pPr>
              <a:spcBef>
                <a:spcPts val="0"/>
              </a:spcBef>
              <a:defRPr sz="11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4" name="Content Placeholder 2"/>
          <p:cNvSpPr>
            <a:spLocks noGrp="1"/>
          </p:cNvSpPr>
          <p:nvPr>
            <p:ph sz="quarter" idx="2" hasCustomPrompt="1"/>
          </p:nvPr>
        </p:nvSpPr>
        <p:spPr>
          <a:xfrm>
            <a:off x="8145594" y="2489922"/>
            <a:ext cx="3657600" cy="1645920"/>
          </a:xfrm>
          <a:prstGeom prst="rect">
            <a:avLst/>
          </a:prstGeom>
          <a:solidFill>
            <a:schemeClr val="tx1">
              <a:lumMod val="10000"/>
              <a:lumOff val="90000"/>
            </a:schemeClr>
          </a:solidFill>
          <a:ln>
            <a:noFill/>
          </a:ln>
        </p:spPr>
        <p:txBody>
          <a:bodyPr lIns="72000" tIns="91440"/>
          <a:lstStyle>
            <a:lvl1pPr>
              <a:spcBef>
                <a:spcPts val="0"/>
              </a:spcBef>
              <a:defRPr sz="1100">
                <a:solidFill>
                  <a:schemeClr val="tx1"/>
                </a:solidFill>
              </a:defRPr>
            </a:lvl1pPr>
            <a:lvl2pPr>
              <a:spcBef>
                <a:spcPts val="0"/>
              </a:spcBef>
              <a:defRPr sz="11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spcBef>
                <a:spcPts val="0"/>
              </a:spcBef>
              <a:defRPr sz="1100">
                <a:solidFill>
                  <a:schemeClr val="tx1"/>
                </a:solidFill>
              </a:defRPr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3"/>
            <a:endParaRPr lang="en-US"/>
          </a:p>
        </p:txBody>
      </p:sp>
      <p:sp>
        <p:nvSpPr>
          <p:cNvPr id="5" name="Content Placeholder 3"/>
          <p:cNvSpPr>
            <a:spLocks noGrp="1"/>
          </p:cNvSpPr>
          <p:nvPr>
            <p:ph sz="quarter" idx="3" hasCustomPrompt="1"/>
          </p:nvPr>
        </p:nvSpPr>
        <p:spPr>
          <a:xfrm>
            <a:off x="477908" y="4732865"/>
            <a:ext cx="3657600" cy="1645920"/>
          </a:xfrm>
          <a:prstGeom prst="rect">
            <a:avLst/>
          </a:prstGeom>
          <a:solidFill>
            <a:schemeClr val="tx1">
              <a:lumMod val="10000"/>
              <a:lumOff val="90000"/>
            </a:schemeClr>
          </a:solidFill>
        </p:spPr>
        <p:txBody>
          <a:bodyPr lIns="72000" tIns="91440"/>
          <a:lstStyle>
            <a:lvl1pPr>
              <a:spcBef>
                <a:spcPts val="0"/>
              </a:spcBef>
              <a:defRPr sz="1100">
                <a:solidFill>
                  <a:schemeClr val="tx1"/>
                </a:solidFill>
              </a:defRPr>
            </a:lvl1pPr>
            <a:lvl2pPr>
              <a:spcBef>
                <a:spcPts val="0"/>
              </a:spcBef>
              <a:defRPr sz="11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6" name="Content Placeholder 4"/>
          <p:cNvSpPr>
            <a:spLocks noGrp="1"/>
          </p:cNvSpPr>
          <p:nvPr>
            <p:ph sz="quarter" idx="4" hasCustomPrompt="1"/>
          </p:nvPr>
        </p:nvSpPr>
        <p:spPr>
          <a:xfrm>
            <a:off x="8145594" y="4732865"/>
            <a:ext cx="3657600" cy="1645920"/>
          </a:xfrm>
          <a:prstGeom prst="rect">
            <a:avLst/>
          </a:prstGeom>
          <a:solidFill>
            <a:schemeClr val="tx1">
              <a:lumMod val="10000"/>
              <a:lumOff val="90000"/>
            </a:schemeClr>
          </a:solidFill>
        </p:spPr>
        <p:txBody>
          <a:bodyPr lIns="72000" tIns="91440"/>
          <a:lstStyle>
            <a:lvl1pPr>
              <a:spcBef>
                <a:spcPts val="0"/>
              </a:spcBef>
              <a:defRPr sz="1100">
                <a:solidFill>
                  <a:schemeClr val="tx1"/>
                </a:solidFill>
              </a:defRPr>
            </a:lvl1pPr>
            <a:lvl2pPr>
              <a:spcBef>
                <a:spcPts val="0"/>
              </a:spcBef>
              <a:defRPr sz="11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 marL="1028700" indent="0">
              <a:buNone/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9" name="Content Placeholder 5"/>
          <p:cNvSpPr>
            <a:spLocks noGrp="1"/>
          </p:cNvSpPr>
          <p:nvPr>
            <p:ph sz="quarter" idx="11" hasCustomPrompt="1"/>
          </p:nvPr>
        </p:nvSpPr>
        <p:spPr>
          <a:xfrm>
            <a:off x="4312286" y="2489922"/>
            <a:ext cx="3657600" cy="1645920"/>
          </a:xfrm>
          <a:prstGeom prst="rect">
            <a:avLst/>
          </a:prstGeom>
          <a:solidFill>
            <a:schemeClr val="tx1">
              <a:lumMod val="10000"/>
              <a:lumOff val="90000"/>
            </a:schemeClr>
          </a:solidFill>
          <a:ln>
            <a:noFill/>
          </a:ln>
        </p:spPr>
        <p:txBody>
          <a:bodyPr lIns="72000" tIns="91440"/>
          <a:lstStyle>
            <a:lvl1pPr>
              <a:spcBef>
                <a:spcPts val="0"/>
              </a:spcBef>
              <a:defRPr sz="1100">
                <a:solidFill>
                  <a:schemeClr val="tx1"/>
                </a:solidFill>
              </a:defRPr>
            </a:lvl1pPr>
            <a:lvl2pPr>
              <a:spcBef>
                <a:spcPts val="0"/>
              </a:spcBef>
              <a:defRPr sz="11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8" name="Content Placeholder 6"/>
          <p:cNvSpPr>
            <a:spLocks noGrp="1"/>
          </p:cNvSpPr>
          <p:nvPr>
            <p:ph sz="quarter" idx="10" hasCustomPrompt="1"/>
          </p:nvPr>
        </p:nvSpPr>
        <p:spPr>
          <a:xfrm>
            <a:off x="4312286" y="4732865"/>
            <a:ext cx="3657600" cy="1645920"/>
          </a:xfrm>
          <a:prstGeom prst="rect">
            <a:avLst/>
          </a:prstGeom>
          <a:solidFill>
            <a:schemeClr val="tx1">
              <a:lumMod val="10000"/>
              <a:lumOff val="90000"/>
            </a:schemeClr>
          </a:solidFill>
        </p:spPr>
        <p:txBody>
          <a:bodyPr lIns="72000" tIns="91440"/>
          <a:lstStyle>
            <a:lvl1pPr>
              <a:spcBef>
                <a:spcPts val="0"/>
              </a:spcBef>
              <a:defRPr sz="1100">
                <a:solidFill>
                  <a:schemeClr val="tx1"/>
                </a:solidFill>
              </a:defRPr>
            </a:lvl1pPr>
            <a:lvl2pPr>
              <a:spcBef>
                <a:spcPts val="0"/>
              </a:spcBef>
              <a:defRPr sz="11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17" name="Content Placeholder 1">
            <a:extLst>
              <a:ext uri="{FF2B5EF4-FFF2-40B4-BE49-F238E27FC236}">
                <a16:creationId xmlns:a16="http://schemas.microsoft.com/office/drawing/2014/main" id="{2E671775-C10C-5AC5-FC4C-25C714D49E78}"/>
              </a:ext>
            </a:extLst>
          </p:cNvPr>
          <p:cNvSpPr>
            <a:spLocks noGrp="1"/>
          </p:cNvSpPr>
          <p:nvPr>
            <p:ph sz="quarter" idx="12" hasCustomPrompt="1"/>
          </p:nvPr>
        </p:nvSpPr>
        <p:spPr>
          <a:xfrm>
            <a:off x="477908" y="2033786"/>
            <a:ext cx="3657600" cy="4572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txBody>
          <a:bodyPr lIns="72000" tIns="36000" anchor="ctr"/>
          <a:lstStyle>
            <a:lvl1pPr marL="0" indent="0">
              <a:spcBef>
                <a:spcPts val="0"/>
              </a:spcBef>
              <a:buNone/>
              <a:defRPr sz="1200">
                <a:solidFill>
                  <a:schemeClr val="bg1"/>
                </a:solidFill>
                <a:latin typeface="Ericsson Hilda ExtraBold" panose="00000900000000000000" pitchFamily="2" charset="0"/>
              </a:defRPr>
            </a:lvl1pPr>
            <a:lvl2pPr>
              <a:spcBef>
                <a:spcPts val="0"/>
              </a:spcBef>
              <a:defRPr sz="11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</p:txBody>
      </p:sp>
      <p:sp>
        <p:nvSpPr>
          <p:cNvPr id="18" name="Content Placeholder 2">
            <a:extLst>
              <a:ext uri="{FF2B5EF4-FFF2-40B4-BE49-F238E27FC236}">
                <a16:creationId xmlns:a16="http://schemas.microsoft.com/office/drawing/2014/main" id="{66AD54B3-2D5E-F77A-950D-4B2DA8A084A0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145594" y="2033786"/>
            <a:ext cx="3657600" cy="4572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txBody>
          <a:bodyPr lIns="72000" tIns="36000" anchor="ctr"/>
          <a:lstStyle>
            <a:lvl1pPr marL="0" indent="0">
              <a:spcBef>
                <a:spcPts val="0"/>
              </a:spcBef>
              <a:buNone/>
              <a:defRPr sz="1200">
                <a:solidFill>
                  <a:schemeClr val="bg1"/>
                </a:solidFill>
                <a:latin typeface="Ericsson Hilda ExtraBold" panose="00000900000000000000" pitchFamily="2" charset="0"/>
              </a:defRPr>
            </a:lvl1pPr>
            <a:lvl2pPr>
              <a:spcBef>
                <a:spcPts val="0"/>
              </a:spcBef>
              <a:defRPr sz="11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spcBef>
                <a:spcPts val="0"/>
              </a:spcBef>
              <a:defRPr sz="1100">
                <a:solidFill>
                  <a:schemeClr val="tx1"/>
                </a:solidFill>
              </a:defRPr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</p:txBody>
      </p:sp>
      <p:sp>
        <p:nvSpPr>
          <p:cNvPr id="19" name="Content Placeholder 5">
            <a:extLst>
              <a:ext uri="{FF2B5EF4-FFF2-40B4-BE49-F238E27FC236}">
                <a16:creationId xmlns:a16="http://schemas.microsoft.com/office/drawing/2014/main" id="{2D86FAC5-A046-C2FA-599A-A0D7BDBBAE5A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4312286" y="2033786"/>
            <a:ext cx="3657600" cy="4572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txBody>
          <a:bodyPr lIns="72000" tIns="36000" anchor="ctr"/>
          <a:lstStyle>
            <a:lvl1pPr marL="0" indent="0">
              <a:spcBef>
                <a:spcPts val="0"/>
              </a:spcBef>
              <a:buNone/>
              <a:defRPr sz="1200">
                <a:solidFill>
                  <a:schemeClr val="bg1"/>
                </a:solidFill>
                <a:latin typeface="Ericsson Hilda ExtraBold" panose="00000900000000000000" pitchFamily="2" charset="0"/>
              </a:defRPr>
            </a:lvl1pPr>
            <a:lvl2pPr>
              <a:spcBef>
                <a:spcPts val="0"/>
              </a:spcBef>
              <a:defRPr sz="11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</p:txBody>
      </p:sp>
      <p:sp>
        <p:nvSpPr>
          <p:cNvPr id="20" name="Content Placeholder 1">
            <a:extLst>
              <a:ext uri="{FF2B5EF4-FFF2-40B4-BE49-F238E27FC236}">
                <a16:creationId xmlns:a16="http://schemas.microsoft.com/office/drawing/2014/main" id="{28A895C7-D6BD-272A-76C9-3F2FD462C4B4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477908" y="4275665"/>
            <a:ext cx="3657600" cy="4572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txBody>
          <a:bodyPr lIns="72000" tIns="36000" anchor="ctr"/>
          <a:lstStyle>
            <a:lvl1pPr marL="0" indent="0">
              <a:spcBef>
                <a:spcPts val="0"/>
              </a:spcBef>
              <a:buNone/>
              <a:defRPr sz="1200">
                <a:solidFill>
                  <a:schemeClr val="bg1"/>
                </a:solidFill>
                <a:latin typeface="Ericsson Hilda ExtraBold" panose="00000900000000000000" pitchFamily="2" charset="0"/>
              </a:defRPr>
            </a:lvl1pPr>
            <a:lvl2pPr>
              <a:spcBef>
                <a:spcPts val="0"/>
              </a:spcBef>
              <a:defRPr sz="11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</p:txBody>
      </p:sp>
      <p:sp>
        <p:nvSpPr>
          <p:cNvPr id="21" name="Content Placeholder 2">
            <a:extLst>
              <a:ext uri="{FF2B5EF4-FFF2-40B4-BE49-F238E27FC236}">
                <a16:creationId xmlns:a16="http://schemas.microsoft.com/office/drawing/2014/main" id="{2ABC73BE-70CA-9030-C7D9-D86050186FFC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8145594" y="4275665"/>
            <a:ext cx="3657600" cy="4572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txBody>
          <a:bodyPr lIns="72000" tIns="36000" anchor="ctr"/>
          <a:lstStyle>
            <a:lvl1pPr marL="0" indent="0">
              <a:spcBef>
                <a:spcPts val="0"/>
              </a:spcBef>
              <a:buNone/>
              <a:defRPr sz="1200">
                <a:solidFill>
                  <a:schemeClr val="bg1"/>
                </a:solidFill>
                <a:latin typeface="Ericsson Hilda ExtraBold" panose="00000900000000000000" pitchFamily="2" charset="0"/>
              </a:defRPr>
            </a:lvl1pPr>
            <a:lvl2pPr>
              <a:spcBef>
                <a:spcPts val="0"/>
              </a:spcBef>
              <a:defRPr sz="11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spcBef>
                <a:spcPts val="0"/>
              </a:spcBef>
              <a:defRPr sz="1100">
                <a:solidFill>
                  <a:schemeClr val="tx1"/>
                </a:solidFill>
              </a:defRPr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</p:txBody>
      </p:sp>
      <p:sp>
        <p:nvSpPr>
          <p:cNvPr id="22" name="Content Placeholder 5">
            <a:extLst>
              <a:ext uri="{FF2B5EF4-FFF2-40B4-BE49-F238E27FC236}">
                <a16:creationId xmlns:a16="http://schemas.microsoft.com/office/drawing/2014/main" id="{E4BCFD1B-4A21-29AC-7E81-0A8ABC32E0C0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4312286" y="4275665"/>
            <a:ext cx="3657600" cy="4572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txBody>
          <a:bodyPr lIns="72000" tIns="36000" anchor="ctr"/>
          <a:lstStyle>
            <a:lvl1pPr marL="0" indent="0">
              <a:spcBef>
                <a:spcPts val="0"/>
              </a:spcBef>
              <a:buNone/>
              <a:defRPr sz="1200">
                <a:solidFill>
                  <a:schemeClr val="bg1"/>
                </a:solidFill>
                <a:latin typeface="Ericsson Hilda ExtraBold" panose="00000900000000000000" pitchFamily="2" charset="0"/>
              </a:defRPr>
            </a:lvl1pPr>
            <a:lvl2pPr>
              <a:spcBef>
                <a:spcPts val="0"/>
              </a:spcBef>
              <a:defRPr sz="11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</p:txBody>
      </p:sp>
    </p:spTree>
    <p:extLst>
      <p:ext uri="{BB962C8B-B14F-4D97-AF65-F5344CB8AC3E}">
        <p14:creationId xmlns:p14="http://schemas.microsoft.com/office/powerpoint/2010/main" val="1534645680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itle and 8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_SM">
            <a:extLst>
              <a:ext uri="{FF2B5EF4-FFF2-40B4-BE49-F238E27FC236}">
                <a16:creationId xmlns:a16="http://schemas.microsoft.com/office/drawing/2014/main" id="{99858DC4-E787-41D2-A613-961D60F89117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10558689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  <p:sp>
        <p:nvSpPr>
          <p:cNvPr id="3" name="Content Placeholder 1"/>
          <p:cNvSpPr>
            <a:spLocks noGrp="1"/>
          </p:cNvSpPr>
          <p:nvPr>
            <p:ph sz="quarter" idx="1" hasCustomPrompt="1"/>
          </p:nvPr>
        </p:nvSpPr>
        <p:spPr>
          <a:xfrm>
            <a:off x="477908" y="2489922"/>
            <a:ext cx="3657600" cy="1645920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lIns="72000" tIns="91440"/>
          <a:lstStyle>
            <a:lvl1pPr>
              <a:spcBef>
                <a:spcPts val="0"/>
              </a:spcBef>
              <a:defRPr sz="1100">
                <a:solidFill>
                  <a:schemeClr val="tx1"/>
                </a:solidFill>
              </a:defRPr>
            </a:lvl1pPr>
            <a:lvl2pPr>
              <a:spcBef>
                <a:spcPts val="0"/>
              </a:spcBef>
              <a:defRPr sz="11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4" name="Content Placeholder 2"/>
          <p:cNvSpPr>
            <a:spLocks noGrp="1"/>
          </p:cNvSpPr>
          <p:nvPr>
            <p:ph sz="quarter" idx="2" hasCustomPrompt="1"/>
          </p:nvPr>
        </p:nvSpPr>
        <p:spPr>
          <a:xfrm>
            <a:off x="8145594" y="2489922"/>
            <a:ext cx="3657600" cy="1645920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lIns="72000" tIns="91440"/>
          <a:lstStyle>
            <a:lvl1pPr>
              <a:spcBef>
                <a:spcPts val="0"/>
              </a:spcBef>
              <a:defRPr sz="1100">
                <a:solidFill>
                  <a:schemeClr val="tx1"/>
                </a:solidFill>
              </a:defRPr>
            </a:lvl1pPr>
            <a:lvl2pPr>
              <a:spcBef>
                <a:spcPts val="0"/>
              </a:spcBef>
              <a:defRPr sz="11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spcBef>
                <a:spcPts val="0"/>
              </a:spcBef>
              <a:defRPr sz="1100">
                <a:solidFill>
                  <a:schemeClr val="tx1"/>
                </a:solidFill>
              </a:defRPr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3"/>
            <a:endParaRPr lang="en-US"/>
          </a:p>
        </p:txBody>
      </p:sp>
      <p:sp>
        <p:nvSpPr>
          <p:cNvPr id="5" name="Content Placeholder 3"/>
          <p:cNvSpPr>
            <a:spLocks noGrp="1"/>
          </p:cNvSpPr>
          <p:nvPr>
            <p:ph sz="quarter" idx="3" hasCustomPrompt="1"/>
          </p:nvPr>
        </p:nvSpPr>
        <p:spPr>
          <a:xfrm>
            <a:off x="477908" y="4732865"/>
            <a:ext cx="3657600" cy="1645920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lIns="72000" tIns="91440"/>
          <a:lstStyle>
            <a:lvl1pPr>
              <a:spcBef>
                <a:spcPts val="0"/>
              </a:spcBef>
              <a:defRPr sz="1100">
                <a:solidFill>
                  <a:schemeClr val="tx1"/>
                </a:solidFill>
              </a:defRPr>
            </a:lvl1pPr>
            <a:lvl2pPr>
              <a:spcBef>
                <a:spcPts val="0"/>
              </a:spcBef>
              <a:defRPr sz="11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6" name="Content Placeholder 4"/>
          <p:cNvSpPr>
            <a:spLocks noGrp="1"/>
          </p:cNvSpPr>
          <p:nvPr>
            <p:ph sz="quarter" idx="4" hasCustomPrompt="1"/>
          </p:nvPr>
        </p:nvSpPr>
        <p:spPr>
          <a:xfrm>
            <a:off x="8145594" y="4732865"/>
            <a:ext cx="3657600" cy="1645920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lIns="72000" tIns="91440"/>
          <a:lstStyle>
            <a:lvl1pPr>
              <a:spcBef>
                <a:spcPts val="0"/>
              </a:spcBef>
              <a:defRPr sz="1100">
                <a:solidFill>
                  <a:schemeClr val="tx1"/>
                </a:solidFill>
              </a:defRPr>
            </a:lvl1pPr>
            <a:lvl2pPr>
              <a:spcBef>
                <a:spcPts val="0"/>
              </a:spcBef>
              <a:defRPr sz="11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 marL="1028700" indent="0">
              <a:buNone/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9" name="Content Placeholder 5"/>
          <p:cNvSpPr>
            <a:spLocks noGrp="1"/>
          </p:cNvSpPr>
          <p:nvPr>
            <p:ph sz="quarter" idx="11" hasCustomPrompt="1"/>
          </p:nvPr>
        </p:nvSpPr>
        <p:spPr>
          <a:xfrm>
            <a:off x="4312286" y="2489922"/>
            <a:ext cx="3657600" cy="1645920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lIns="72000" tIns="91440"/>
          <a:lstStyle>
            <a:lvl1pPr>
              <a:spcBef>
                <a:spcPts val="0"/>
              </a:spcBef>
              <a:defRPr sz="1100">
                <a:solidFill>
                  <a:schemeClr val="tx1"/>
                </a:solidFill>
              </a:defRPr>
            </a:lvl1pPr>
            <a:lvl2pPr>
              <a:spcBef>
                <a:spcPts val="0"/>
              </a:spcBef>
              <a:defRPr sz="11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8" name="Content Placeholder 6"/>
          <p:cNvSpPr>
            <a:spLocks noGrp="1"/>
          </p:cNvSpPr>
          <p:nvPr>
            <p:ph sz="quarter" idx="10" hasCustomPrompt="1"/>
          </p:nvPr>
        </p:nvSpPr>
        <p:spPr>
          <a:xfrm>
            <a:off x="4312286" y="4732865"/>
            <a:ext cx="3657600" cy="1645920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lIns="72000" tIns="91440"/>
          <a:lstStyle>
            <a:lvl1pPr>
              <a:spcBef>
                <a:spcPts val="0"/>
              </a:spcBef>
              <a:defRPr sz="1100">
                <a:solidFill>
                  <a:schemeClr val="tx1"/>
                </a:solidFill>
              </a:defRPr>
            </a:lvl1pPr>
            <a:lvl2pPr>
              <a:spcBef>
                <a:spcPts val="0"/>
              </a:spcBef>
              <a:defRPr sz="11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17" name="Content Placeholder 1">
            <a:extLst>
              <a:ext uri="{FF2B5EF4-FFF2-40B4-BE49-F238E27FC236}">
                <a16:creationId xmlns:a16="http://schemas.microsoft.com/office/drawing/2014/main" id="{2E671775-C10C-5AC5-FC4C-25C714D49E78}"/>
              </a:ext>
            </a:extLst>
          </p:cNvPr>
          <p:cNvSpPr>
            <a:spLocks noGrp="1"/>
          </p:cNvSpPr>
          <p:nvPr>
            <p:ph sz="quarter" idx="12" hasCustomPrompt="1"/>
          </p:nvPr>
        </p:nvSpPr>
        <p:spPr>
          <a:xfrm>
            <a:off x="477908" y="2033786"/>
            <a:ext cx="3657600" cy="457200"/>
          </a:xfrm>
          <a:prstGeom prst="rect">
            <a:avLst/>
          </a:prstGeom>
          <a:solidFill>
            <a:schemeClr val="accent1"/>
          </a:solidFill>
          <a:ln>
            <a:solidFill>
              <a:schemeClr val="tx1"/>
            </a:solidFill>
          </a:ln>
        </p:spPr>
        <p:txBody>
          <a:bodyPr lIns="72000" tIns="36000" anchor="ctr"/>
          <a:lstStyle>
            <a:lvl1pPr marL="0" indent="0">
              <a:spcBef>
                <a:spcPts val="0"/>
              </a:spcBef>
              <a:buNone/>
              <a:defRPr sz="1200">
                <a:solidFill>
                  <a:schemeClr val="bg1"/>
                </a:solidFill>
                <a:latin typeface="Ericsson Hilda ExtraBold" panose="00000900000000000000" pitchFamily="2" charset="0"/>
              </a:defRPr>
            </a:lvl1pPr>
            <a:lvl2pPr>
              <a:spcBef>
                <a:spcPts val="0"/>
              </a:spcBef>
              <a:defRPr sz="11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</p:txBody>
      </p:sp>
      <p:sp>
        <p:nvSpPr>
          <p:cNvPr id="18" name="Content Placeholder 2">
            <a:extLst>
              <a:ext uri="{FF2B5EF4-FFF2-40B4-BE49-F238E27FC236}">
                <a16:creationId xmlns:a16="http://schemas.microsoft.com/office/drawing/2014/main" id="{66AD54B3-2D5E-F77A-950D-4B2DA8A084A0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145594" y="2033786"/>
            <a:ext cx="3657600" cy="457200"/>
          </a:xfrm>
          <a:prstGeom prst="rect">
            <a:avLst/>
          </a:prstGeom>
          <a:solidFill>
            <a:schemeClr val="accent1"/>
          </a:solidFill>
          <a:ln>
            <a:solidFill>
              <a:schemeClr val="tx1"/>
            </a:solidFill>
          </a:ln>
        </p:spPr>
        <p:txBody>
          <a:bodyPr lIns="72000" tIns="36000" anchor="ctr"/>
          <a:lstStyle>
            <a:lvl1pPr marL="0" indent="0">
              <a:spcBef>
                <a:spcPts val="0"/>
              </a:spcBef>
              <a:buNone/>
              <a:defRPr sz="1200">
                <a:solidFill>
                  <a:schemeClr val="bg1"/>
                </a:solidFill>
                <a:latin typeface="Ericsson Hilda ExtraBold" panose="00000900000000000000" pitchFamily="2" charset="0"/>
              </a:defRPr>
            </a:lvl1pPr>
            <a:lvl2pPr>
              <a:spcBef>
                <a:spcPts val="0"/>
              </a:spcBef>
              <a:defRPr sz="11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spcBef>
                <a:spcPts val="0"/>
              </a:spcBef>
              <a:defRPr sz="1100">
                <a:solidFill>
                  <a:schemeClr val="tx1"/>
                </a:solidFill>
              </a:defRPr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</p:txBody>
      </p:sp>
      <p:sp>
        <p:nvSpPr>
          <p:cNvPr id="19" name="Content Placeholder 5">
            <a:extLst>
              <a:ext uri="{FF2B5EF4-FFF2-40B4-BE49-F238E27FC236}">
                <a16:creationId xmlns:a16="http://schemas.microsoft.com/office/drawing/2014/main" id="{2D86FAC5-A046-C2FA-599A-A0D7BDBBAE5A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4312286" y="2033786"/>
            <a:ext cx="3657600" cy="457200"/>
          </a:xfrm>
          <a:prstGeom prst="rect">
            <a:avLst/>
          </a:prstGeom>
          <a:solidFill>
            <a:schemeClr val="accent1"/>
          </a:solidFill>
          <a:ln>
            <a:solidFill>
              <a:schemeClr val="tx1"/>
            </a:solidFill>
          </a:ln>
        </p:spPr>
        <p:txBody>
          <a:bodyPr lIns="72000" tIns="36000" anchor="ctr"/>
          <a:lstStyle>
            <a:lvl1pPr marL="0" indent="0">
              <a:spcBef>
                <a:spcPts val="0"/>
              </a:spcBef>
              <a:buNone/>
              <a:defRPr sz="1200">
                <a:solidFill>
                  <a:schemeClr val="bg1"/>
                </a:solidFill>
                <a:latin typeface="Ericsson Hilda ExtraBold" panose="00000900000000000000" pitchFamily="2" charset="0"/>
              </a:defRPr>
            </a:lvl1pPr>
            <a:lvl2pPr>
              <a:spcBef>
                <a:spcPts val="0"/>
              </a:spcBef>
              <a:defRPr sz="11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</p:txBody>
      </p:sp>
      <p:sp>
        <p:nvSpPr>
          <p:cNvPr id="20" name="Content Placeholder 1">
            <a:extLst>
              <a:ext uri="{FF2B5EF4-FFF2-40B4-BE49-F238E27FC236}">
                <a16:creationId xmlns:a16="http://schemas.microsoft.com/office/drawing/2014/main" id="{28A895C7-D6BD-272A-76C9-3F2FD462C4B4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477908" y="4275665"/>
            <a:ext cx="3657600" cy="457200"/>
          </a:xfrm>
          <a:prstGeom prst="rect">
            <a:avLst/>
          </a:prstGeom>
          <a:solidFill>
            <a:schemeClr val="accent1"/>
          </a:solidFill>
          <a:ln>
            <a:solidFill>
              <a:schemeClr val="tx1"/>
            </a:solidFill>
          </a:ln>
        </p:spPr>
        <p:txBody>
          <a:bodyPr lIns="72000" tIns="36000" anchor="ctr"/>
          <a:lstStyle>
            <a:lvl1pPr marL="0" indent="0">
              <a:spcBef>
                <a:spcPts val="0"/>
              </a:spcBef>
              <a:buNone/>
              <a:defRPr sz="1200">
                <a:solidFill>
                  <a:schemeClr val="bg1"/>
                </a:solidFill>
                <a:latin typeface="Ericsson Hilda ExtraBold" panose="00000900000000000000" pitchFamily="2" charset="0"/>
              </a:defRPr>
            </a:lvl1pPr>
            <a:lvl2pPr>
              <a:spcBef>
                <a:spcPts val="0"/>
              </a:spcBef>
              <a:defRPr sz="11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</p:txBody>
      </p:sp>
      <p:sp>
        <p:nvSpPr>
          <p:cNvPr id="21" name="Content Placeholder 2">
            <a:extLst>
              <a:ext uri="{FF2B5EF4-FFF2-40B4-BE49-F238E27FC236}">
                <a16:creationId xmlns:a16="http://schemas.microsoft.com/office/drawing/2014/main" id="{2ABC73BE-70CA-9030-C7D9-D86050186FFC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8145594" y="4275665"/>
            <a:ext cx="3657600" cy="457200"/>
          </a:xfrm>
          <a:prstGeom prst="rect">
            <a:avLst/>
          </a:prstGeom>
          <a:solidFill>
            <a:schemeClr val="accent1"/>
          </a:solidFill>
          <a:ln>
            <a:solidFill>
              <a:schemeClr val="tx1"/>
            </a:solidFill>
          </a:ln>
        </p:spPr>
        <p:txBody>
          <a:bodyPr lIns="72000" tIns="36000" anchor="ctr"/>
          <a:lstStyle>
            <a:lvl1pPr marL="0" indent="0">
              <a:spcBef>
                <a:spcPts val="0"/>
              </a:spcBef>
              <a:buNone/>
              <a:defRPr sz="1200">
                <a:solidFill>
                  <a:schemeClr val="bg1"/>
                </a:solidFill>
                <a:latin typeface="Ericsson Hilda ExtraBold" panose="00000900000000000000" pitchFamily="2" charset="0"/>
              </a:defRPr>
            </a:lvl1pPr>
            <a:lvl2pPr>
              <a:spcBef>
                <a:spcPts val="0"/>
              </a:spcBef>
              <a:defRPr sz="11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spcBef>
                <a:spcPts val="0"/>
              </a:spcBef>
              <a:defRPr sz="1100">
                <a:solidFill>
                  <a:schemeClr val="tx1"/>
                </a:solidFill>
              </a:defRPr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</p:txBody>
      </p:sp>
      <p:sp>
        <p:nvSpPr>
          <p:cNvPr id="22" name="Content Placeholder 5">
            <a:extLst>
              <a:ext uri="{FF2B5EF4-FFF2-40B4-BE49-F238E27FC236}">
                <a16:creationId xmlns:a16="http://schemas.microsoft.com/office/drawing/2014/main" id="{E4BCFD1B-4A21-29AC-7E81-0A8ABC32E0C0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4312286" y="4275665"/>
            <a:ext cx="3657600" cy="457200"/>
          </a:xfrm>
          <a:prstGeom prst="rect">
            <a:avLst/>
          </a:prstGeom>
          <a:solidFill>
            <a:schemeClr val="accent1"/>
          </a:solidFill>
          <a:ln>
            <a:solidFill>
              <a:schemeClr val="tx1"/>
            </a:solidFill>
          </a:ln>
        </p:spPr>
        <p:txBody>
          <a:bodyPr lIns="72000" tIns="36000" anchor="ctr"/>
          <a:lstStyle>
            <a:lvl1pPr marL="0" indent="0">
              <a:spcBef>
                <a:spcPts val="0"/>
              </a:spcBef>
              <a:buNone/>
              <a:defRPr sz="1200">
                <a:solidFill>
                  <a:schemeClr val="bg1"/>
                </a:solidFill>
                <a:latin typeface="Ericsson Hilda ExtraBold" panose="00000900000000000000" pitchFamily="2" charset="0"/>
              </a:defRPr>
            </a:lvl1pPr>
            <a:lvl2pPr>
              <a:spcBef>
                <a:spcPts val="0"/>
              </a:spcBef>
              <a:defRPr sz="11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</p:txBody>
      </p:sp>
    </p:spTree>
    <p:extLst>
      <p:ext uri="{BB962C8B-B14F-4D97-AF65-F5344CB8AC3E}">
        <p14:creationId xmlns:p14="http://schemas.microsoft.com/office/powerpoint/2010/main" val="4041288657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itle and 8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_SM">
            <a:extLst>
              <a:ext uri="{FF2B5EF4-FFF2-40B4-BE49-F238E27FC236}">
                <a16:creationId xmlns:a16="http://schemas.microsoft.com/office/drawing/2014/main" id="{99858DC4-E787-41D2-A613-961D60F89117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  <p:sp>
        <p:nvSpPr>
          <p:cNvPr id="3" name="Content Placeholder 1"/>
          <p:cNvSpPr>
            <a:spLocks noGrp="1"/>
          </p:cNvSpPr>
          <p:nvPr>
            <p:ph sz="quarter" idx="1" hasCustomPrompt="1"/>
          </p:nvPr>
        </p:nvSpPr>
        <p:spPr>
          <a:xfrm>
            <a:off x="476453" y="2254303"/>
            <a:ext cx="2560320" cy="1828800"/>
          </a:xfrm>
          <a:prstGeom prst="rect">
            <a:avLst/>
          </a:prstGeom>
          <a:solidFill>
            <a:schemeClr val="tx1">
              <a:lumMod val="10000"/>
              <a:lumOff val="90000"/>
            </a:schemeClr>
          </a:solidFill>
          <a:ln>
            <a:noFill/>
          </a:ln>
        </p:spPr>
        <p:txBody>
          <a:bodyPr vert="horz" lIns="72000" tIns="91440" rIns="72000" bIns="36000" rtlCol="0">
            <a:noAutofit/>
          </a:bodyPr>
          <a:lstStyle>
            <a:lvl1pPr>
              <a:defRPr lang="en-US" sz="900" dirty="0"/>
            </a:lvl1pPr>
            <a:lvl2pPr>
              <a:defRPr lang="en-US" sz="900" dirty="0"/>
            </a:lvl2pPr>
          </a:lstStyle>
          <a:p>
            <a:pPr lvl="0">
              <a:spcBef>
                <a:spcPts val="0"/>
              </a:spcBef>
            </a:pPr>
            <a:r>
              <a:rPr lang="en-US"/>
              <a:t>For heading, use Ericsson Hilda in bold. For copy and bullets, use E. Hilda.</a:t>
            </a:r>
          </a:p>
          <a:p>
            <a:pPr lvl="0">
              <a:spcBef>
                <a:spcPts val="0"/>
              </a:spcBef>
            </a:pPr>
            <a:r>
              <a:rPr lang="en-US"/>
              <a:t>First level</a:t>
            </a:r>
          </a:p>
          <a:p>
            <a:pPr lvl="1">
              <a:spcBef>
                <a:spcPts val="0"/>
              </a:spcBef>
            </a:pPr>
            <a:r>
              <a:rPr lang="en-US"/>
              <a:t>Second level</a:t>
            </a:r>
          </a:p>
        </p:txBody>
      </p:sp>
      <p:sp>
        <p:nvSpPr>
          <p:cNvPr id="4" name="Content Placeholder 2"/>
          <p:cNvSpPr>
            <a:spLocks noGrp="1"/>
          </p:cNvSpPr>
          <p:nvPr>
            <p:ph sz="quarter" idx="2" hasCustomPrompt="1"/>
          </p:nvPr>
        </p:nvSpPr>
        <p:spPr>
          <a:xfrm>
            <a:off x="6238044" y="2254302"/>
            <a:ext cx="2560320" cy="1828800"/>
          </a:xfrm>
          <a:prstGeom prst="rect">
            <a:avLst/>
          </a:prstGeom>
          <a:solidFill>
            <a:schemeClr val="tx1">
              <a:lumMod val="10000"/>
              <a:lumOff val="90000"/>
            </a:schemeClr>
          </a:solidFill>
          <a:ln>
            <a:noFill/>
          </a:ln>
        </p:spPr>
        <p:txBody>
          <a:bodyPr vert="horz" lIns="72000" tIns="91440" rIns="72000" bIns="36000" rtlCol="0">
            <a:noAutofit/>
          </a:bodyPr>
          <a:lstStyle>
            <a:lvl1pPr>
              <a:defRPr lang="en-US" sz="900" dirty="0"/>
            </a:lvl1pPr>
            <a:lvl2pPr>
              <a:defRPr lang="en-US" sz="900" dirty="0"/>
            </a:lvl2pPr>
            <a:lvl4pPr>
              <a:defRPr lang="en-US" sz="900" dirty="0"/>
            </a:lvl4pPr>
          </a:lstStyle>
          <a:p>
            <a:pPr lvl="0">
              <a:spcBef>
                <a:spcPts val="0"/>
              </a:spcBef>
            </a:pPr>
            <a:r>
              <a:rPr lang="en-US"/>
              <a:t>For heading, use Ericsson Hilda in bold. For copy and bullets, use E. Hilda.</a:t>
            </a:r>
          </a:p>
          <a:p>
            <a:pPr lvl="0">
              <a:spcBef>
                <a:spcPts val="0"/>
              </a:spcBef>
            </a:pPr>
            <a:r>
              <a:rPr lang="en-US"/>
              <a:t>First level</a:t>
            </a:r>
          </a:p>
          <a:p>
            <a:pPr lvl="1">
              <a:spcBef>
                <a:spcPts val="0"/>
              </a:spcBef>
            </a:pPr>
            <a:r>
              <a:rPr lang="en-US"/>
              <a:t>Second level</a:t>
            </a:r>
          </a:p>
          <a:p>
            <a:pPr lvl="3"/>
            <a:endParaRPr lang="en-US"/>
          </a:p>
        </p:txBody>
      </p:sp>
      <p:sp>
        <p:nvSpPr>
          <p:cNvPr id="5" name="Content Placeholder 3"/>
          <p:cNvSpPr>
            <a:spLocks noGrp="1"/>
          </p:cNvSpPr>
          <p:nvPr>
            <p:ph sz="quarter" idx="3" hasCustomPrompt="1"/>
          </p:nvPr>
        </p:nvSpPr>
        <p:spPr>
          <a:xfrm>
            <a:off x="476453" y="4552223"/>
            <a:ext cx="2560320" cy="1828800"/>
          </a:xfrm>
          <a:prstGeom prst="rect">
            <a:avLst/>
          </a:prstGeom>
          <a:solidFill>
            <a:schemeClr val="tx1">
              <a:lumMod val="10000"/>
              <a:lumOff val="90000"/>
            </a:schemeClr>
          </a:solidFill>
          <a:ln>
            <a:noFill/>
          </a:ln>
        </p:spPr>
        <p:txBody>
          <a:bodyPr vert="horz" lIns="72000" tIns="91440" rIns="72000" bIns="36000" rtlCol="0">
            <a:noAutofit/>
          </a:bodyPr>
          <a:lstStyle>
            <a:lvl1pPr>
              <a:defRPr lang="en-US" sz="900" dirty="0"/>
            </a:lvl1pPr>
            <a:lvl2pPr>
              <a:defRPr lang="en-US" sz="900" dirty="0"/>
            </a:lvl2pPr>
          </a:lstStyle>
          <a:p>
            <a:pPr lvl="0">
              <a:spcBef>
                <a:spcPts val="0"/>
              </a:spcBef>
            </a:pPr>
            <a:r>
              <a:rPr lang="en-US"/>
              <a:t>For heading, use Ericsson Hilda in bold. For copy and bullets, use E. Hilda.</a:t>
            </a:r>
          </a:p>
          <a:p>
            <a:pPr lvl="0">
              <a:spcBef>
                <a:spcPts val="0"/>
              </a:spcBef>
            </a:pPr>
            <a:r>
              <a:rPr lang="en-US"/>
              <a:t>First level</a:t>
            </a:r>
          </a:p>
          <a:p>
            <a:pPr lvl="1">
              <a:spcBef>
                <a:spcPts val="0"/>
              </a:spcBef>
            </a:pPr>
            <a:r>
              <a:rPr lang="en-US"/>
              <a:t>Second level</a:t>
            </a:r>
          </a:p>
        </p:txBody>
      </p:sp>
      <p:sp>
        <p:nvSpPr>
          <p:cNvPr id="6" name="Content Placeholder 4"/>
          <p:cNvSpPr>
            <a:spLocks noGrp="1"/>
          </p:cNvSpPr>
          <p:nvPr>
            <p:ph sz="quarter" idx="4" hasCustomPrompt="1"/>
          </p:nvPr>
        </p:nvSpPr>
        <p:spPr>
          <a:xfrm>
            <a:off x="6238044" y="4552334"/>
            <a:ext cx="2560320" cy="1828800"/>
          </a:xfrm>
          <a:prstGeom prst="rect">
            <a:avLst/>
          </a:prstGeom>
          <a:solidFill>
            <a:schemeClr val="tx1">
              <a:lumMod val="10000"/>
              <a:lumOff val="90000"/>
            </a:schemeClr>
          </a:solidFill>
          <a:ln>
            <a:noFill/>
          </a:ln>
        </p:spPr>
        <p:txBody>
          <a:bodyPr vert="horz" lIns="72000" tIns="91440" rIns="72000" bIns="36000" rtlCol="0">
            <a:noAutofit/>
          </a:bodyPr>
          <a:lstStyle>
            <a:lvl1pPr>
              <a:defRPr lang="en-US" sz="900" dirty="0"/>
            </a:lvl1pPr>
            <a:lvl2pPr>
              <a:defRPr lang="en-US" sz="900" dirty="0"/>
            </a:lvl2pPr>
          </a:lstStyle>
          <a:p>
            <a:pPr lvl="0">
              <a:spcBef>
                <a:spcPts val="0"/>
              </a:spcBef>
            </a:pPr>
            <a:r>
              <a:rPr lang="en-US"/>
              <a:t>For heading, use Ericsson Hilda in bold. For copy and bullets, use E. Hilda.</a:t>
            </a:r>
          </a:p>
          <a:p>
            <a:pPr lvl="0">
              <a:spcBef>
                <a:spcPts val="0"/>
              </a:spcBef>
            </a:pPr>
            <a:r>
              <a:rPr lang="en-US"/>
              <a:t>First level</a:t>
            </a:r>
          </a:p>
          <a:p>
            <a:pPr lvl="1">
              <a:spcBef>
                <a:spcPts val="0"/>
              </a:spcBef>
            </a:pPr>
            <a:r>
              <a:rPr lang="en-US"/>
              <a:t>Second level</a:t>
            </a:r>
          </a:p>
        </p:txBody>
      </p:sp>
      <p:sp>
        <p:nvSpPr>
          <p:cNvPr id="9" name="Content Placeholder 5"/>
          <p:cNvSpPr>
            <a:spLocks noGrp="1"/>
          </p:cNvSpPr>
          <p:nvPr>
            <p:ph sz="quarter" idx="11" hasCustomPrompt="1"/>
          </p:nvPr>
        </p:nvSpPr>
        <p:spPr>
          <a:xfrm>
            <a:off x="3356180" y="2254302"/>
            <a:ext cx="2560320" cy="1828800"/>
          </a:xfrm>
          <a:prstGeom prst="rect">
            <a:avLst/>
          </a:prstGeom>
          <a:solidFill>
            <a:schemeClr val="tx1">
              <a:lumMod val="10000"/>
              <a:lumOff val="90000"/>
            </a:schemeClr>
          </a:solidFill>
          <a:ln>
            <a:noFill/>
          </a:ln>
        </p:spPr>
        <p:txBody>
          <a:bodyPr vert="horz" lIns="72000" tIns="91440" rIns="72000" bIns="36000" rtlCol="0">
            <a:noAutofit/>
          </a:bodyPr>
          <a:lstStyle>
            <a:lvl1pPr>
              <a:defRPr lang="en-US" sz="900" dirty="0"/>
            </a:lvl1pPr>
            <a:lvl2pPr>
              <a:defRPr lang="en-US" sz="900" dirty="0"/>
            </a:lvl2pPr>
          </a:lstStyle>
          <a:p>
            <a:pPr lvl="0">
              <a:spcBef>
                <a:spcPts val="0"/>
              </a:spcBef>
            </a:pPr>
            <a:r>
              <a:rPr lang="en-US"/>
              <a:t>For heading, use Ericsson Hilda in bold. For copy and bullets, use E. Hilda.</a:t>
            </a:r>
          </a:p>
          <a:p>
            <a:pPr lvl="0">
              <a:spcBef>
                <a:spcPts val="0"/>
              </a:spcBef>
            </a:pPr>
            <a:r>
              <a:rPr lang="en-US"/>
              <a:t>First level</a:t>
            </a:r>
          </a:p>
          <a:p>
            <a:pPr lvl="1">
              <a:spcBef>
                <a:spcPts val="0"/>
              </a:spcBef>
            </a:pPr>
            <a:r>
              <a:rPr lang="en-US"/>
              <a:t>Second level</a:t>
            </a:r>
          </a:p>
        </p:txBody>
      </p:sp>
      <p:sp>
        <p:nvSpPr>
          <p:cNvPr id="8" name="Content Placeholder 6"/>
          <p:cNvSpPr>
            <a:spLocks noGrp="1"/>
          </p:cNvSpPr>
          <p:nvPr>
            <p:ph sz="quarter" idx="10" hasCustomPrompt="1"/>
          </p:nvPr>
        </p:nvSpPr>
        <p:spPr>
          <a:xfrm>
            <a:off x="3356180" y="4552950"/>
            <a:ext cx="2560320" cy="1828800"/>
          </a:xfrm>
          <a:prstGeom prst="rect">
            <a:avLst/>
          </a:prstGeom>
          <a:solidFill>
            <a:schemeClr val="tx1">
              <a:lumMod val="10000"/>
              <a:lumOff val="90000"/>
            </a:schemeClr>
          </a:solidFill>
          <a:ln>
            <a:noFill/>
          </a:ln>
        </p:spPr>
        <p:txBody>
          <a:bodyPr vert="horz" lIns="72000" tIns="91440" rIns="72000" bIns="36000" rtlCol="0">
            <a:noAutofit/>
          </a:bodyPr>
          <a:lstStyle>
            <a:lvl1pPr>
              <a:defRPr lang="en-US" sz="900" dirty="0"/>
            </a:lvl1pPr>
            <a:lvl2pPr>
              <a:defRPr lang="en-US" sz="900" dirty="0"/>
            </a:lvl2pPr>
          </a:lstStyle>
          <a:p>
            <a:pPr lvl="0">
              <a:spcBef>
                <a:spcPts val="0"/>
              </a:spcBef>
            </a:pPr>
            <a:r>
              <a:rPr lang="en-US"/>
              <a:t>For heading, use Ericsson Hilda in bold. For copy and bullets, use E. Hilda.</a:t>
            </a:r>
          </a:p>
          <a:p>
            <a:pPr lvl="0">
              <a:spcBef>
                <a:spcPts val="0"/>
              </a:spcBef>
            </a:pPr>
            <a:r>
              <a:rPr lang="en-US"/>
              <a:t>First level</a:t>
            </a:r>
          </a:p>
          <a:p>
            <a:pPr lvl="1">
              <a:spcBef>
                <a:spcPts val="0"/>
              </a:spcBef>
            </a:pPr>
            <a:r>
              <a:rPr lang="en-US"/>
              <a:t>Second level</a:t>
            </a:r>
          </a:p>
        </p:txBody>
      </p:sp>
      <p:sp>
        <p:nvSpPr>
          <p:cNvPr id="11" name="Content Placeholder 7"/>
          <p:cNvSpPr>
            <a:spLocks noGrp="1"/>
          </p:cNvSpPr>
          <p:nvPr>
            <p:ph sz="quarter" idx="13" hasCustomPrompt="1"/>
          </p:nvPr>
        </p:nvSpPr>
        <p:spPr>
          <a:xfrm>
            <a:off x="9117216" y="2254302"/>
            <a:ext cx="2560320" cy="1828800"/>
          </a:xfrm>
          <a:prstGeom prst="rect">
            <a:avLst/>
          </a:prstGeom>
          <a:solidFill>
            <a:schemeClr val="tx1">
              <a:lumMod val="10000"/>
              <a:lumOff val="90000"/>
            </a:schemeClr>
          </a:solidFill>
          <a:ln>
            <a:noFill/>
          </a:ln>
        </p:spPr>
        <p:txBody>
          <a:bodyPr vert="horz" lIns="72000" tIns="91440" rIns="72000" bIns="36000" rtlCol="0">
            <a:noAutofit/>
          </a:bodyPr>
          <a:lstStyle>
            <a:lvl1pPr>
              <a:defRPr lang="en-US" sz="900" dirty="0"/>
            </a:lvl1pPr>
            <a:lvl2pPr>
              <a:defRPr lang="en-US" sz="900" dirty="0"/>
            </a:lvl2pPr>
            <a:lvl4pPr>
              <a:defRPr lang="en-US" sz="900" dirty="0"/>
            </a:lvl4pPr>
          </a:lstStyle>
          <a:p>
            <a:pPr lvl="0">
              <a:spcBef>
                <a:spcPts val="0"/>
              </a:spcBef>
            </a:pPr>
            <a:r>
              <a:rPr lang="en-US"/>
              <a:t>For heading, use Ericsson Hilda in bold. For copy and bullets, use E. Hilda.</a:t>
            </a:r>
          </a:p>
          <a:p>
            <a:pPr lvl="0">
              <a:spcBef>
                <a:spcPts val="0"/>
              </a:spcBef>
            </a:pPr>
            <a:r>
              <a:rPr lang="en-US"/>
              <a:t>First level</a:t>
            </a:r>
          </a:p>
          <a:p>
            <a:pPr lvl="1">
              <a:spcBef>
                <a:spcPts val="0"/>
              </a:spcBef>
            </a:pPr>
            <a:r>
              <a:rPr lang="en-US"/>
              <a:t>Second level</a:t>
            </a:r>
          </a:p>
          <a:p>
            <a:pPr lvl="3"/>
            <a:endParaRPr lang="en-US"/>
          </a:p>
        </p:txBody>
      </p:sp>
      <p:sp>
        <p:nvSpPr>
          <p:cNvPr id="10" name="Content Placeholder 8"/>
          <p:cNvSpPr>
            <a:spLocks noGrp="1"/>
          </p:cNvSpPr>
          <p:nvPr>
            <p:ph sz="quarter" idx="12" hasCustomPrompt="1"/>
          </p:nvPr>
        </p:nvSpPr>
        <p:spPr>
          <a:xfrm>
            <a:off x="9117216" y="4552950"/>
            <a:ext cx="2560320" cy="1828800"/>
          </a:xfrm>
          <a:prstGeom prst="rect">
            <a:avLst/>
          </a:prstGeom>
          <a:solidFill>
            <a:schemeClr val="tx1">
              <a:lumMod val="10000"/>
              <a:lumOff val="90000"/>
            </a:schemeClr>
          </a:solidFill>
          <a:ln>
            <a:noFill/>
          </a:ln>
        </p:spPr>
        <p:txBody>
          <a:bodyPr vert="horz" lIns="72000" tIns="91440" rIns="72000" bIns="36000" rtlCol="0">
            <a:noAutofit/>
          </a:bodyPr>
          <a:lstStyle>
            <a:lvl1pPr>
              <a:defRPr lang="en-US" sz="900" dirty="0"/>
            </a:lvl1pPr>
            <a:lvl2pPr>
              <a:defRPr lang="en-US" sz="900" dirty="0"/>
            </a:lvl2pPr>
          </a:lstStyle>
          <a:p>
            <a:pPr lvl="0">
              <a:spcBef>
                <a:spcPts val="0"/>
              </a:spcBef>
            </a:pPr>
            <a:r>
              <a:rPr lang="en-US"/>
              <a:t>For heading, use Ericsson Hilda in bold. For copy and bullets, use E. Hilda.</a:t>
            </a:r>
          </a:p>
          <a:p>
            <a:pPr lvl="0">
              <a:spcBef>
                <a:spcPts val="0"/>
              </a:spcBef>
            </a:pPr>
            <a:r>
              <a:rPr lang="en-US"/>
              <a:t>First level</a:t>
            </a:r>
          </a:p>
          <a:p>
            <a:pPr lvl="1">
              <a:spcBef>
                <a:spcPts val="0"/>
              </a:spcBef>
            </a:pPr>
            <a:r>
              <a:rPr lang="en-US"/>
              <a:t>Second level</a:t>
            </a:r>
          </a:p>
        </p:txBody>
      </p:sp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2F2B1587-FD34-2513-9090-DBDE253086C7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476453" y="1878292"/>
            <a:ext cx="2560320" cy="376012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txBody>
          <a:bodyPr lIns="72000" tIns="36000" anchor="ctr"/>
          <a:lstStyle>
            <a:lvl1pPr marL="0" indent="0">
              <a:spcBef>
                <a:spcPts val="0"/>
              </a:spcBef>
              <a:buNone/>
              <a:defRPr sz="1200">
                <a:solidFill>
                  <a:schemeClr val="bg1"/>
                </a:solidFill>
                <a:latin typeface="Ericsson Hilda ExtraBold" panose="00000900000000000000" pitchFamily="2" charset="0"/>
              </a:defRPr>
            </a:lvl1pPr>
            <a:lvl2pPr>
              <a:spcBef>
                <a:spcPts val="0"/>
              </a:spcBef>
              <a:defRPr sz="11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</p:txBody>
      </p:sp>
      <p:sp>
        <p:nvSpPr>
          <p:cNvPr id="7" name="Content Placeholder 1">
            <a:extLst>
              <a:ext uri="{FF2B5EF4-FFF2-40B4-BE49-F238E27FC236}">
                <a16:creationId xmlns:a16="http://schemas.microsoft.com/office/drawing/2014/main" id="{73A899C4-6C63-6412-30D1-7F5D31EA321C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3356180" y="1878288"/>
            <a:ext cx="2560320" cy="376012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txBody>
          <a:bodyPr lIns="72000" tIns="36000" anchor="ctr"/>
          <a:lstStyle>
            <a:lvl1pPr marL="0" indent="0">
              <a:spcBef>
                <a:spcPts val="0"/>
              </a:spcBef>
              <a:buNone/>
              <a:defRPr sz="1200">
                <a:solidFill>
                  <a:schemeClr val="bg1"/>
                </a:solidFill>
                <a:latin typeface="Ericsson Hilda ExtraBold" panose="00000900000000000000" pitchFamily="2" charset="0"/>
              </a:defRPr>
            </a:lvl1pPr>
            <a:lvl2pPr>
              <a:spcBef>
                <a:spcPts val="0"/>
              </a:spcBef>
              <a:defRPr sz="11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</p:txBody>
      </p:sp>
      <p:sp>
        <p:nvSpPr>
          <p:cNvPr id="12" name="Content Placeholder 1">
            <a:extLst>
              <a:ext uri="{FF2B5EF4-FFF2-40B4-BE49-F238E27FC236}">
                <a16:creationId xmlns:a16="http://schemas.microsoft.com/office/drawing/2014/main" id="{E62A3F32-A8C3-C040-EF64-341CFA13D7AD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6238044" y="1878290"/>
            <a:ext cx="2560320" cy="376012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txBody>
          <a:bodyPr lIns="72000" tIns="36000" anchor="ctr"/>
          <a:lstStyle>
            <a:lvl1pPr marL="0" indent="0">
              <a:spcBef>
                <a:spcPts val="0"/>
              </a:spcBef>
              <a:buNone/>
              <a:defRPr sz="1200">
                <a:solidFill>
                  <a:schemeClr val="bg1"/>
                </a:solidFill>
                <a:latin typeface="Ericsson Hilda ExtraBold" panose="00000900000000000000" pitchFamily="2" charset="0"/>
              </a:defRPr>
            </a:lvl1pPr>
            <a:lvl2pPr>
              <a:spcBef>
                <a:spcPts val="0"/>
              </a:spcBef>
              <a:defRPr sz="11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</p:txBody>
      </p:sp>
      <p:sp>
        <p:nvSpPr>
          <p:cNvPr id="14" name="Content Placeholder 1">
            <a:extLst>
              <a:ext uri="{FF2B5EF4-FFF2-40B4-BE49-F238E27FC236}">
                <a16:creationId xmlns:a16="http://schemas.microsoft.com/office/drawing/2014/main" id="{083BB6F0-49AD-7CDC-A544-81E2CABAE40F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9117216" y="1878290"/>
            <a:ext cx="2560320" cy="376012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txBody>
          <a:bodyPr lIns="72000" tIns="36000" anchor="ctr"/>
          <a:lstStyle>
            <a:lvl1pPr marL="0" indent="0">
              <a:spcBef>
                <a:spcPts val="0"/>
              </a:spcBef>
              <a:buNone/>
              <a:defRPr sz="1200">
                <a:solidFill>
                  <a:schemeClr val="bg1"/>
                </a:solidFill>
                <a:latin typeface="Ericsson Hilda ExtraBold" panose="00000900000000000000" pitchFamily="2" charset="0"/>
              </a:defRPr>
            </a:lvl1pPr>
            <a:lvl2pPr>
              <a:spcBef>
                <a:spcPts val="0"/>
              </a:spcBef>
              <a:defRPr sz="11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</p:txBody>
      </p:sp>
      <p:sp>
        <p:nvSpPr>
          <p:cNvPr id="15" name="Content Placeholder 1">
            <a:extLst>
              <a:ext uri="{FF2B5EF4-FFF2-40B4-BE49-F238E27FC236}">
                <a16:creationId xmlns:a16="http://schemas.microsoft.com/office/drawing/2014/main" id="{56150977-4E59-423A-4E95-33546DBCD966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76453" y="4176207"/>
            <a:ext cx="2560320" cy="376012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txBody>
          <a:bodyPr lIns="72000" tIns="36000" anchor="ctr"/>
          <a:lstStyle>
            <a:lvl1pPr marL="0" indent="0">
              <a:spcBef>
                <a:spcPts val="0"/>
              </a:spcBef>
              <a:buNone/>
              <a:defRPr sz="1200">
                <a:solidFill>
                  <a:schemeClr val="bg1"/>
                </a:solidFill>
                <a:latin typeface="Ericsson Hilda ExtraBold" panose="00000900000000000000" pitchFamily="2" charset="0"/>
              </a:defRPr>
            </a:lvl1pPr>
            <a:lvl2pPr>
              <a:spcBef>
                <a:spcPts val="0"/>
              </a:spcBef>
              <a:defRPr sz="11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</p:txBody>
      </p:sp>
      <p:sp>
        <p:nvSpPr>
          <p:cNvPr id="16" name="Content Placeholder 1">
            <a:extLst>
              <a:ext uri="{FF2B5EF4-FFF2-40B4-BE49-F238E27FC236}">
                <a16:creationId xmlns:a16="http://schemas.microsoft.com/office/drawing/2014/main" id="{3F105B2F-68F4-2326-B135-31FB0DBB6229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3356180" y="4176203"/>
            <a:ext cx="2560320" cy="376012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txBody>
          <a:bodyPr lIns="72000" tIns="36000" anchor="ctr"/>
          <a:lstStyle>
            <a:lvl1pPr marL="0" indent="0">
              <a:spcBef>
                <a:spcPts val="0"/>
              </a:spcBef>
              <a:buNone/>
              <a:defRPr sz="1200">
                <a:solidFill>
                  <a:schemeClr val="bg1"/>
                </a:solidFill>
                <a:latin typeface="Ericsson Hilda ExtraBold" panose="00000900000000000000" pitchFamily="2" charset="0"/>
              </a:defRPr>
            </a:lvl1pPr>
            <a:lvl2pPr>
              <a:spcBef>
                <a:spcPts val="0"/>
              </a:spcBef>
              <a:defRPr sz="11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</p:txBody>
      </p:sp>
      <p:sp>
        <p:nvSpPr>
          <p:cNvPr id="17" name="Content Placeholder 1">
            <a:extLst>
              <a:ext uri="{FF2B5EF4-FFF2-40B4-BE49-F238E27FC236}">
                <a16:creationId xmlns:a16="http://schemas.microsoft.com/office/drawing/2014/main" id="{92014E54-B72A-809A-E31B-A81C2F064832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6238044" y="4176205"/>
            <a:ext cx="2560320" cy="376012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txBody>
          <a:bodyPr lIns="72000" tIns="36000" anchor="ctr"/>
          <a:lstStyle>
            <a:lvl1pPr marL="0" indent="0">
              <a:spcBef>
                <a:spcPts val="0"/>
              </a:spcBef>
              <a:buNone/>
              <a:defRPr sz="1200">
                <a:solidFill>
                  <a:schemeClr val="bg1"/>
                </a:solidFill>
                <a:latin typeface="Ericsson Hilda ExtraBold" panose="00000900000000000000" pitchFamily="2" charset="0"/>
              </a:defRPr>
            </a:lvl1pPr>
            <a:lvl2pPr>
              <a:spcBef>
                <a:spcPts val="0"/>
              </a:spcBef>
              <a:defRPr sz="11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</p:txBody>
      </p:sp>
      <p:sp>
        <p:nvSpPr>
          <p:cNvPr id="18" name="Content Placeholder 1">
            <a:extLst>
              <a:ext uri="{FF2B5EF4-FFF2-40B4-BE49-F238E27FC236}">
                <a16:creationId xmlns:a16="http://schemas.microsoft.com/office/drawing/2014/main" id="{AC600DF3-DC32-7CCA-4D0F-8A891FD32ABC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9117216" y="4176205"/>
            <a:ext cx="2560320" cy="376012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txBody>
          <a:bodyPr lIns="72000" tIns="36000" anchor="ctr"/>
          <a:lstStyle>
            <a:lvl1pPr marL="0" indent="0">
              <a:spcBef>
                <a:spcPts val="0"/>
              </a:spcBef>
              <a:buNone/>
              <a:defRPr sz="1200">
                <a:solidFill>
                  <a:schemeClr val="bg1"/>
                </a:solidFill>
                <a:latin typeface="Ericsson Hilda ExtraBold" panose="00000900000000000000" pitchFamily="2" charset="0"/>
              </a:defRPr>
            </a:lvl1pPr>
            <a:lvl2pPr>
              <a:spcBef>
                <a:spcPts val="0"/>
              </a:spcBef>
              <a:defRPr sz="11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</p:txBody>
      </p:sp>
    </p:spTree>
    <p:extLst>
      <p:ext uri="{BB962C8B-B14F-4D97-AF65-F5344CB8AC3E}">
        <p14:creationId xmlns:p14="http://schemas.microsoft.com/office/powerpoint/2010/main" val="1018215952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Title and 8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_SM">
            <a:extLst>
              <a:ext uri="{FF2B5EF4-FFF2-40B4-BE49-F238E27FC236}">
                <a16:creationId xmlns:a16="http://schemas.microsoft.com/office/drawing/2014/main" id="{99858DC4-E787-41D2-A613-961D60F89117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  <p:sp>
        <p:nvSpPr>
          <p:cNvPr id="3" name="Content Placeholder 1"/>
          <p:cNvSpPr>
            <a:spLocks noGrp="1"/>
          </p:cNvSpPr>
          <p:nvPr>
            <p:ph sz="quarter" idx="1" hasCustomPrompt="1"/>
          </p:nvPr>
        </p:nvSpPr>
        <p:spPr>
          <a:xfrm>
            <a:off x="481560" y="1844675"/>
            <a:ext cx="2592389" cy="2089150"/>
          </a:xfrm>
          <a:prstGeom prst="rect">
            <a:avLst/>
          </a:prstGeom>
          <a:solidFill>
            <a:schemeClr val="tx1">
              <a:lumMod val="10000"/>
              <a:lumOff val="90000"/>
            </a:schemeClr>
          </a:solidFill>
          <a:ln>
            <a:noFill/>
          </a:ln>
        </p:spPr>
        <p:txBody>
          <a:bodyPr vert="horz" lIns="72000" tIns="91440" rIns="72000" bIns="36000" rtlCol="0">
            <a:noAutofit/>
          </a:bodyPr>
          <a:lstStyle>
            <a:lvl1pPr>
              <a:defRPr lang="en-US" sz="1100" dirty="0"/>
            </a:lvl1pPr>
            <a:lvl2pPr>
              <a:defRPr lang="en-US" sz="1100" dirty="0"/>
            </a:lvl2pPr>
          </a:lstStyle>
          <a:p>
            <a:pPr lvl="0">
              <a:spcBef>
                <a:spcPts val="0"/>
              </a:spcBef>
            </a:pPr>
            <a:r>
              <a:rPr lang="en-US"/>
              <a:t>For heading, use Ericsson Hilda in bold. For copy and bullets, use E. Hilda.</a:t>
            </a:r>
          </a:p>
          <a:p>
            <a:pPr lvl="0">
              <a:spcBef>
                <a:spcPts val="0"/>
              </a:spcBef>
            </a:pPr>
            <a:r>
              <a:rPr lang="en-US"/>
              <a:t>First level</a:t>
            </a:r>
          </a:p>
          <a:p>
            <a:pPr lvl="1">
              <a:spcBef>
                <a:spcPts val="0"/>
              </a:spcBef>
            </a:pPr>
            <a:r>
              <a:rPr lang="en-US"/>
              <a:t>Second level</a:t>
            </a:r>
          </a:p>
        </p:txBody>
      </p:sp>
      <p:sp>
        <p:nvSpPr>
          <p:cNvPr id="4" name="Content Placeholder 2"/>
          <p:cNvSpPr>
            <a:spLocks noGrp="1"/>
          </p:cNvSpPr>
          <p:nvPr>
            <p:ph sz="quarter" idx="2" hasCustomPrompt="1"/>
          </p:nvPr>
        </p:nvSpPr>
        <p:spPr>
          <a:xfrm>
            <a:off x="6243216" y="1844674"/>
            <a:ext cx="2592387" cy="2089150"/>
          </a:xfrm>
          <a:prstGeom prst="rect">
            <a:avLst/>
          </a:prstGeom>
          <a:solidFill>
            <a:schemeClr val="tx1">
              <a:lumMod val="10000"/>
              <a:lumOff val="90000"/>
            </a:schemeClr>
          </a:solidFill>
          <a:ln>
            <a:noFill/>
          </a:ln>
        </p:spPr>
        <p:txBody>
          <a:bodyPr vert="horz" lIns="72000" tIns="91440" rIns="72000" bIns="36000" rtlCol="0">
            <a:noAutofit/>
          </a:bodyPr>
          <a:lstStyle>
            <a:lvl1pPr>
              <a:defRPr lang="en-US" sz="1100" dirty="0"/>
            </a:lvl1pPr>
            <a:lvl2pPr>
              <a:defRPr lang="en-US" sz="1100" dirty="0"/>
            </a:lvl2pPr>
            <a:lvl4pPr>
              <a:defRPr lang="en-US" dirty="0"/>
            </a:lvl4pPr>
          </a:lstStyle>
          <a:p>
            <a:pPr lvl="0">
              <a:spcBef>
                <a:spcPts val="0"/>
              </a:spcBef>
            </a:pPr>
            <a:r>
              <a:rPr lang="en-US"/>
              <a:t>For heading, use Ericsson Hilda in bold. For copy and bullets, use E. Hilda.</a:t>
            </a:r>
          </a:p>
          <a:p>
            <a:pPr lvl="0">
              <a:spcBef>
                <a:spcPts val="0"/>
              </a:spcBef>
            </a:pPr>
            <a:r>
              <a:rPr lang="en-US"/>
              <a:t>First level</a:t>
            </a:r>
          </a:p>
          <a:p>
            <a:pPr lvl="1">
              <a:spcBef>
                <a:spcPts val="0"/>
              </a:spcBef>
            </a:pPr>
            <a:r>
              <a:rPr lang="en-US"/>
              <a:t>Second level</a:t>
            </a:r>
          </a:p>
          <a:p>
            <a:pPr lvl="3"/>
            <a:endParaRPr lang="en-US"/>
          </a:p>
        </p:txBody>
      </p:sp>
      <p:sp>
        <p:nvSpPr>
          <p:cNvPr id="5" name="Content Placeholder 3"/>
          <p:cNvSpPr>
            <a:spLocks noGrp="1"/>
          </p:cNvSpPr>
          <p:nvPr>
            <p:ph sz="quarter" idx="3" hasCustomPrompt="1"/>
          </p:nvPr>
        </p:nvSpPr>
        <p:spPr>
          <a:xfrm>
            <a:off x="481561" y="4151134"/>
            <a:ext cx="2592389" cy="2087563"/>
          </a:xfrm>
          <a:prstGeom prst="rect">
            <a:avLst/>
          </a:prstGeom>
          <a:solidFill>
            <a:schemeClr val="tx1">
              <a:lumMod val="10000"/>
              <a:lumOff val="90000"/>
            </a:schemeClr>
          </a:solidFill>
          <a:ln>
            <a:noFill/>
          </a:ln>
        </p:spPr>
        <p:txBody>
          <a:bodyPr vert="horz" lIns="72000" tIns="91440" rIns="72000" bIns="36000" rtlCol="0">
            <a:noAutofit/>
          </a:bodyPr>
          <a:lstStyle>
            <a:lvl1pPr>
              <a:defRPr lang="en-US" sz="1100" dirty="0"/>
            </a:lvl1pPr>
            <a:lvl2pPr>
              <a:defRPr lang="en-US" sz="1100" dirty="0"/>
            </a:lvl2pPr>
          </a:lstStyle>
          <a:p>
            <a:pPr lvl="0">
              <a:spcBef>
                <a:spcPts val="0"/>
              </a:spcBef>
            </a:pPr>
            <a:r>
              <a:rPr lang="en-US"/>
              <a:t>For heading, use Ericsson Hilda in bold. For copy and bullets, use E. Hilda.</a:t>
            </a:r>
          </a:p>
          <a:p>
            <a:pPr lvl="0">
              <a:spcBef>
                <a:spcPts val="0"/>
              </a:spcBef>
            </a:pPr>
            <a:r>
              <a:rPr lang="en-US"/>
              <a:t>First level</a:t>
            </a:r>
          </a:p>
          <a:p>
            <a:pPr lvl="1">
              <a:spcBef>
                <a:spcPts val="0"/>
              </a:spcBef>
            </a:pPr>
            <a:r>
              <a:rPr lang="en-US"/>
              <a:t>Second level</a:t>
            </a:r>
          </a:p>
        </p:txBody>
      </p:sp>
      <p:sp>
        <p:nvSpPr>
          <p:cNvPr id="6" name="Content Placeholder 4"/>
          <p:cNvSpPr>
            <a:spLocks noGrp="1"/>
          </p:cNvSpPr>
          <p:nvPr>
            <p:ph sz="quarter" idx="4" hasCustomPrompt="1"/>
          </p:nvPr>
        </p:nvSpPr>
        <p:spPr>
          <a:xfrm>
            <a:off x="6243152" y="4151245"/>
            <a:ext cx="2592387" cy="2086292"/>
          </a:xfrm>
          <a:prstGeom prst="rect">
            <a:avLst/>
          </a:prstGeom>
          <a:solidFill>
            <a:schemeClr val="tx1">
              <a:lumMod val="10000"/>
              <a:lumOff val="90000"/>
            </a:schemeClr>
          </a:solidFill>
          <a:ln>
            <a:noFill/>
          </a:ln>
        </p:spPr>
        <p:txBody>
          <a:bodyPr vert="horz" lIns="72000" tIns="91440" rIns="72000" bIns="36000" rtlCol="0">
            <a:noAutofit/>
          </a:bodyPr>
          <a:lstStyle>
            <a:lvl1pPr>
              <a:defRPr lang="en-US" sz="1100" dirty="0"/>
            </a:lvl1pPr>
            <a:lvl2pPr>
              <a:defRPr lang="en-US" sz="1100" dirty="0"/>
            </a:lvl2pPr>
          </a:lstStyle>
          <a:p>
            <a:pPr lvl="0">
              <a:spcBef>
                <a:spcPts val="0"/>
              </a:spcBef>
            </a:pPr>
            <a:r>
              <a:rPr lang="en-US"/>
              <a:t>For heading, use Ericsson Hilda in bold. For copy and bullets, use E. Hilda.</a:t>
            </a:r>
          </a:p>
          <a:p>
            <a:pPr lvl="0">
              <a:spcBef>
                <a:spcPts val="0"/>
              </a:spcBef>
            </a:pPr>
            <a:r>
              <a:rPr lang="en-US"/>
              <a:t>First level</a:t>
            </a:r>
          </a:p>
          <a:p>
            <a:pPr lvl="1">
              <a:spcBef>
                <a:spcPts val="0"/>
              </a:spcBef>
            </a:pPr>
            <a:r>
              <a:rPr lang="en-US"/>
              <a:t>Second level</a:t>
            </a:r>
          </a:p>
        </p:txBody>
      </p:sp>
      <p:sp>
        <p:nvSpPr>
          <p:cNvPr id="9" name="Content Placeholder 5"/>
          <p:cNvSpPr>
            <a:spLocks noGrp="1"/>
          </p:cNvSpPr>
          <p:nvPr>
            <p:ph sz="quarter" idx="11" hasCustomPrompt="1"/>
          </p:nvPr>
        </p:nvSpPr>
        <p:spPr>
          <a:xfrm>
            <a:off x="3359835" y="1844674"/>
            <a:ext cx="2592388" cy="2089150"/>
          </a:xfrm>
          <a:prstGeom prst="rect">
            <a:avLst/>
          </a:prstGeom>
          <a:solidFill>
            <a:schemeClr val="tx1">
              <a:lumMod val="10000"/>
              <a:lumOff val="90000"/>
            </a:schemeClr>
          </a:solidFill>
          <a:ln>
            <a:noFill/>
          </a:ln>
        </p:spPr>
        <p:txBody>
          <a:bodyPr vert="horz" lIns="72000" tIns="91440" rIns="72000" bIns="36000" rtlCol="0">
            <a:noAutofit/>
          </a:bodyPr>
          <a:lstStyle>
            <a:lvl1pPr>
              <a:defRPr lang="en-US" sz="1100" dirty="0"/>
            </a:lvl1pPr>
            <a:lvl2pPr>
              <a:defRPr lang="en-US" sz="1100" dirty="0"/>
            </a:lvl2pPr>
          </a:lstStyle>
          <a:p>
            <a:pPr lvl="0">
              <a:spcBef>
                <a:spcPts val="0"/>
              </a:spcBef>
            </a:pPr>
            <a:r>
              <a:rPr lang="en-US"/>
              <a:t>For heading, use Ericsson Hilda in bold. For copy and bullets, use E. Hilda.</a:t>
            </a:r>
          </a:p>
          <a:p>
            <a:pPr lvl="0">
              <a:spcBef>
                <a:spcPts val="0"/>
              </a:spcBef>
            </a:pPr>
            <a:r>
              <a:rPr lang="en-US"/>
              <a:t>First level</a:t>
            </a:r>
          </a:p>
          <a:p>
            <a:pPr lvl="1">
              <a:spcBef>
                <a:spcPts val="0"/>
              </a:spcBef>
            </a:pPr>
            <a:r>
              <a:rPr lang="en-US"/>
              <a:t>Second level</a:t>
            </a:r>
          </a:p>
        </p:txBody>
      </p:sp>
      <p:sp>
        <p:nvSpPr>
          <p:cNvPr id="8" name="Content Placeholder 6"/>
          <p:cNvSpPr>
            <a:spLocks noGrp="1"/>
          </p:cNvSpPr>
          <p:nvPr>
            <p:ph sz="quarter" idx="10" hasCustomPrompt="1"/>
          </p:nvPr>
        </p:nvSpPr>
        <p:spPr>
          <a:xfrm>
            <a:off x="3361288" y="4151861"/>
            <a:ext cx="2592387" cy="2087563"/>
          </a:xfrm>
          <a:prstGeom prst="rect">
            <a:avLst/>
          </a:prstGeom>
          <a:solidFill>
            <a:schemeClr val="tx1">
              <a:lumMod val="10000"/>
              <a:lumOff val="90000"/>
            </a:schemeClr>
          </a:solidFill>
          <a:ln>
            <a:noFill/>
          </a:ln>
        </p:spPr>
        <p:txBody>
          <a:bodyPr vert="horz" lIns="72000" tIns="91440" rIns="72000" bIns="36000" rtlCol="0">
            <a:noAutofit/>
          </a:bodyPr>
          <a:lstStyle>
            <a:lvl1pPr>
              <a:defRPr lang="en-US" sz="1100" dirty="0"/>
            </a:lvl1pPr>
            <a:lvl2pPr>
              <a:defRPr lang="en-US" sz="1100" dirty="0"/>
            </a:lvl2pPr>
          </a:lstStyle>
          <a:p>
            <a:pPr lvl="0">
              <a:spcBef>
                <a:spcPts val="0"/>
              </a:spcBef>
            </a:pPr>
            <a:r>
              <a:rPr lang="en-US"/>
              <a:t>For heading, use Ericsson Hilda in bold. For copy and bullets, use E. Hilda.</a:t>
            </a:r>
          </a:p>
          <a:p>
            <a:pPr lvl="0">
              <a:spcBef>
                <a:spcPts val="0"/>
              </a:spcBef>
            </a:pPr>
            <a:r>
              <a:rPr lang="en-US"/>
              <a:t>First level</a:t>
            </a:r>
          </a:p>
          <a:p>
            <a:pPr lvl="1">
              <a:spcBef>
                <a:spcPts val="0"/>
              </a:spcBef>
            </a:pPr>
            <a:r>
              <a:rPr lang="en-US"/>
              <a:t>Second level</a:t>
            </a:r>
          </a:p>
        </p:txBody>
      </p:sp>
      <p:sp>
        <p:nvSpPr>
          <p:cNvPr id="11" name="Content Placeholder 7"/>
          <p:cNvSpPr>
            <a:spLocks noGrp="1"/>
          </p:cNvSpPr>
          <p:nvPr>
            <p:ph sz="quarter" idx="13" hasCustomPrompt="1"/>
          </p:nvPr>
        </p:nvSpPr>
        <p:spPr>
          <a:xfrm>
            <a:off x="9122324" y="1844674"/>
            <a:ext cx="2592387" cy="2089151"/>
          </a:xfrm>
          <a:prstGeom prst="rect">
            <a:avLst/>
          </a:prstGeom>
          <a:solidFill>
            <a:schemeClr val="tx1">
              <a:lumMod val="10000"/>
              <a:lumOff val="90000"/>
            </a:schemeClr>
          </a:solidFill>
          <a:ln>
            <a:noFill/>
          </a:ln>
        </p:spPr>
        <p:txBody>
          <a:bodyPr vert="horz" lIns="72000" tIns="91440" rIns="72000" bIns="36000" rtlCol="0">
            <a:noAutofit/>
          </a:bodyPr>
          <a:lstStyle>
            <a:lvl1pPr>
              <a:defRPr lang="en-US" sz="1100" dirty="0"/>
            </a:lvl1pPr>
            <a:lvl2pPr>
              <a:defRPr lang="en-US" sz="1100" dirty="0"/>
            </a:lvl2pPr>
            <a:lvl4pPr>
              <a:defRPr lang="en-US" dirty="0"/>
            </a:lvl4pPr>
          </a:lstStyle>
          <a:p>
            <a:pPr lvl="0">
              <a:spcBef>
                <a:spcPts val="0"/>
              </a:spcBef>
            </a:pPr>
            <a:r>
              <a:rPr lang="en-US"/>
              <a:t>For heading, use Ericsson Hilda in bold. For copy and bullets, use E. Hilda.</a:t>
            </a:r>
          </a:p>
          <a:p>
            <a:pPr lvl="0">
              <a:spcBef>
                <a:spcPts val="0"/>
              </a:spcBef>
            </a:pPr>
            <a:r>
              <a:rPr lang="en-US"/>
              <a:t>First level</a:t>
            </a:r>
          </a:p>
          <a:p>
            <a:pPr lvl="1">
              <a:spcBef>
                <a:spcPts val="0"/>
              </a:spcBef>
            </a:pPr>
            <a:r>
              <a:rPr lang="en-US"/>
              <a:t>Second level</a:t>
            </a:r>
          </a:p>
          <a:p>
            <a:pPr lvl="3"/>
            <a:endParaRPr lang="en-US"/>
          </a:p>
        </p:txBody>
      </p:sp>
      <p:sp>
        <p:nvSpPr>
          <p:cNvPr id="10" name="Content Placeholder 8"/>
          <p:cNvSpPr>
            <a:spLocks noGrp="1"/>
          </p:cNvSpPr>
          <p:nvPr>
            <p:ph sz="quarter" idx="12" hasCustomPrompt="1"/>
          </p:nvPr>
        </p:nvSpPr>
        <p:spPr>
          <a:xfrm>
            <a:off x="9122324" y="4151861"/>
            <a:ext cx="2592387" cy="2087562"/>
          </a:xfrm>
          <a:prstGeom prst="rect">
            <a:avLst/>
          </a:prstGeom>
          <a:solidFill>
            <a:schemeClr val="tx1">
              <a:lumMod val="10000"/>
              <a:lumOff val="90000"/>
            </a:schemeClr>
          </a:solidFill>
          <a:ln>
            <a:noFill/>
          </a:ln>
        </p:spPr>
        <p:txBody>
          <a:bodyPr vert="horz" lIns="72000" tIns="91440" rIns="72000" bIns="36000" rtlCol="0">
            <a:noAutofit/>
          </a:bodyPr>
          <a:lstStyle>
            <a:lvl1pPr>
              <a:defRPr lang="en-US" sz="1100" dirty="0"/>
            </a:lvl1pPr>
            <a:lvl2pPr>
              <a:defRPr lang="en-US" sz="1100" dirty="0"/>
            </a:lvl2pPr>
          </a:lstStyle>
          <a:p>
            <a:pPr lvl="0">
              <a:spcBef>
                <a:spcPts val="0"/>
              </a:spcBef>
            </a:pPr>
            <a:r>
              <a:rPr lang="en-US"/>
              <a:t>For heading, use Ericsson Hilda in bold. For copy and bullets, use E. Hilda.</a:t>
            </a:r>
          </a:p>
          <a:p>
            <a:pPr lvl="0">
              <a:spcBef>
                <a:spcPts val="0"/>
              </a:spcBef>
            </a:pPr>
            <a:r>
              <a:rPr lang="en-US"/>
              <a:t>First level</a:t>
            </a:r>
          </a:p>
          <a:p>
            <a:pPr lvl="1">
              <a:spcBef>
                <a:spcPts val="0"/>
              </a:spcBef>
            </a:pPr>
            <a:r>
              <a:rPr lang="en-US"/>
              <a:t>Second level</a:t>
            </a:r>
          </a:p>
        </p:txBody>
      </p:sp>
    </p:spTree>
    <p:extLst>
      <p:ext uri="{BB962C8B-B14F-4D97-AF65-F5344CB8AC3E}">
        <p14:creationId xmlns:p14="http://schemas.microsoft.com/office/powerpoint/2010/main" val="39619131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logo end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ubTitle_TM">
            <a:extLst>
              <a:ext uri="{FF2B5EF4-FFF2-40B4-BE49-F238E27FC236}">
                <a16:creationId xmlns:a16="http://schemas.microsoft.com/office/drawing/2014/main" id="{B200748E-0B61-48E1-8B47-504C30250995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3071813" y="4309200"/>
            <a:ext cx="6048375" cy="347472"/>
          </a:xfrm>
          <a:prstGeom prst="rect">
            <a:avLst/>
          </a:prstGeom>
        </p:spPr>
        <p:txBody>
          <a:bodyPr rIns="7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Use this space for relevant Ericsson URLs or hashtags</a:t>
            </a:r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8979B00C-7C1F-4F17-8D52-31D787A1234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506895" y="2854112"/>
            <a:ext cx="1163145" cy="11631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09297857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mbedded character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4">
            <a:extLst>
              <a:ext uri="{FF2B5EF4-FFF2-40B4-BE49-F238E27FC236}">
                <a16:creationId xmlns:a16="http://schemas.microsoft.com/office/drawing/2014/main" id="{99AF35DD-3E5E-42CB-AFA5-5E09E14F72A4}"/>
              </a:ext>
            </a:extLst>
          </p:cNvPr>
          <p:cNvSpPr txBox="1"/>
          <p:nvPr userDrawn="1"/>
        </p:nvSpPr>
        <p:spPr bwMode="auto">
          <a:xfrm>
            <a:off x="479425" y="142897"/>
            <a:ext cx="11233149" cy="656121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indent="0">
              <a:buClr>
                <a:schemeClr val="tx1"/>
              </a:buClr>
              <a:buFont typeface="Ericsson Hilda Light" panose="00000400000000000000" pitchFamily="2" charset="0"/>
              <a:buNone/>
            </a:pPr>
            <a:r>
              <a:rPr lang="en-US" sz="1400" b="1">
                <a:solidFill>
                  <a:schemeClr val="tx1"/>
                </a:solidFill>
                <a:latin typeface="+mn-lt"/>
              </a:rPr>
              <a:t>This Master Slide is to ensure that all our characters are embedded with the presentation. Should not be used in a presentation.</a:t>
            </a:r>
            <a:endParaRPr lang="en-US"/>
          </a:p>
          <a:p>
            <a:pPr marL="0" indent="0">
              <a:buClr>
                <a:schemeClr val="tx1"/>
              </a:buClr>
              <a:buFont typeface="Ericsson Hilda Light" panose="00000400000000000000" pitchFamily="2" charset="0"/>
              <a:buNone/>
            </a:pPr>
            <a:endParaRPr lang="en-US" sz="1400" b="1">
              <a:solidFill>
                <a:schemeClr val="tx1"/>
              </a:solidFill>
              <a:latin typeface="+mn-lt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200" u="sng" err="1">
                <a:solidFill>
                  <a:schemeClr val="tx1"/>
                </a:solidFill>
                <a:latin typeface="Ericsson Hilda ExtraLight" panose="00000300000000000000" pitchFamily="2" charset="0"/>
              </a:rPr>
              <a:t>EricssonHilda</a:t>
            </a:r>
            <a:r>
              <a:rPr lang="en-US" sz="1200" u="sng">
                <a:solidFill>
                  <a:schemeClr val="tx1"/>
                </a:solidFill>
                <a:latin typeface="Ericsson Hilda ExtraLight" panose="00000300000000000000" pitchFamily="2" charset="0"/>
              </a:rPr>
              <a:t>(</a:t>
            </a:r>
            <a:r>
              <a:rPr lang="en-US" sz="1200" u="sng" err="1">
                <a:solidFill>
                  <a:schemeClr val="tx1"/>
                </a:solidFill>
                <a:latin typeface="Ericsson Hilda ExtraLight" panose="00000300000000000000" pitchFamily="2" charset="0"/>
              </a:rPr>
              <a:t>ExtraLight</a:t>
            </a:r>
            <a:r>
              <a:rPr lang="en-US" sz="1200" u="sng">
                <a:solidFill>
                  <a:schemeClr val="tx1"/>
                </a:solidFill>
                <a:latin typeface="Ericsson Hilda ExtraLight" panose="00000300000000000000" pitchFamily="2" charset="0"/>
              </a:rPr>
              <a:t>):</a:t>
            </a:r>
            <a:r>
              <a:rPr lang="en-US" sz="1200">
                <a:solidFill>
                  <a:schemeClr val="tx1"/>
                </a:solidFill>
                <a:latin typeface="Ericsson Hilda ExtraLight" panose="00000300000000000000" pitchFamily="2" charset="0"/>
              </a:rPr>
              <a:t>!"#$%&amp;'()*+,./0123456789:;&lt;=&gt;?@ABCDEFGHIJKLMNOPQRSTUVWXYZ[\]^_`</a:t>
            </a:r>
            <a:r>
              <a:rPr lang="en-US" sz="1200" err="1">
                <a:solidFill>
                  <a:schemeClr val="tx1"/>
                </a:solidFill>
                <a:latin typeface="Ericsson Hilda ExtraLight" panose="00000300000000000000" pitchFamily="2" charset="0"/>
              </a:rPr>
              <a:t>abcdefghijklmnopqrstuvwxyz</a:t>
            </a:r>
            <a:r>
              <a:rPr lang="en-US" sz="1200">
                <a:solidFill>
                  <a:schemeClr val="tx1"/>
                </a:solidFill>
                <a:latin typeface="Ericsson Hilda ExtraLight" panose="00000300000000000000" pitchFamily="2" charset="0"/>
              </a:rPr>
              <a:t>{|}~¡¢£¤¥¦§¨©ª«¬®¯°±²³´¶·¸¹º»¼½ÀÁÂÃÄÅÆÇÈËÌÍÎÏÐÑÒÓÔÕÖ×ØÙÚÛÜÝÞßàáâãäåæçèéêëìíîïðñòóôõö÷øùúûüýþÿĀāĂăąĆćĊċ</a:t>
            </a:r>
            <a:r>
              <a:rPr lang="en-US" sz="1200" kern="1200">
                <a:solidFill>
                  <a:schemeClr val="tx1"/>
                </a:solidFill>
                <a:latin typeface="Ericsson Hilda ExtraLight" panose="00000300000000000000" pitchFamily="2" charset="0"/>
                <a:ea typeface="+mn-ea"/>
                <a:cs typeface="+mn-cs"/>
              </a:rPr>
              <a:t>Čč</a:t>
            </a:r>
            <a:r>
              <a:rPr lang="en-US" sz="1200">
                <a:solidFill>
                  <a:schemeClr val="tx1"/>
                </a:solidFill>
                <a:latin typeface="Ericsson Hilda ExtraLight" panose="00000300000000000000" pitchFamily="2" charset="0"/>
              </a:rPr>
              <a:t>ĎďĐđĒĖėĘęĚěĞğĠġĢģĪīĮįİıĶķĹĺĻļĽľŁłŃńŅņŇňŌŐőŒœŔŕŖŗŘřŚśŞşŠšŢţŤťŪūŮůŰűŲųŴŵŶŷŸŹźŻżŽžƒȘșˆˇ˘˙˚˛˜˝</a:t>
            </a:r>
            <a:r>
              <a:rPr lang="en-US" sz="1200" err="1">
                <a:solidFill>
                  <a:schemeClr val="tx1"/>
                </a:solidFill>
                <a:latin typeface="Ericsson Hilda ExtraLight" panose="00000300000000000000" pitchFamily="2" charset="0"/>
              </a:rPr>
              <a:t>ẀẁẃẄẅỲỳ</a:t>
            </a:r>
            <a:r>
              <a:rPr lang="en-US" sz="1200">
                <a:solidFill>
                  <a:schemeClr val="tx1"/>
                </a:solidFill>
                <a:latin typeface="Ericsson Hilda ExtraLight" panose="00000300000000000000" pitchFamily="2" charset="0"/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200" err="1">
                <a:solidFill>
                  <a:schemeClr val="tx1"/>
                </a:solidFill>
                <a:latin typeface="Ericsson Hilda ExtraLight" panose="00000300000000000000" pitchFamily="2" charset="0"/>
              </a:rPr>
              <a:t>ﬁﬂΆΈΉΊΌΎΏΐΑΒΓΕΖΗΘΙΚΛΜΝΞΟΠΡΣΤΥΦΧΨΪΫΆΈΉΊΰ</a:t>
            </a:r>
            <a:r>
              <a:rPr lang="en-US" sz="1200">
                <a:solidFill>
                  <a:schemeClr val="tx1"/>
                </a:solidFill>
                <a:latin typeface="Ericsson Hilda ExtraLight" panose="00000300000000000000" pitchFamily="2" charset="0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●</a:t>
            </a:r>
            <a:endParaRPr lang="en-US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200" u="sng" err="1">
                <a:solidFill>
                  <a:schemeClr val="tx1"/>
                </a:solidFill>
                <a:latin typeface="+mj-lt"/>
              </a:rPr>
              <a:t>EricssonHilda</a:t>
            </a:r>
            <a:r>
              <a:rPr lang="en-US" sz="1200" u="sng">
                <a:solidFill>
                  <a:schemeClr val="tx1"/>
                </a:solidFill>
                <a:latin typeface="+mj-lt"/>
              </a:rPr>
              <a:t>(Light):</a:t>
            </a:r>
            <a:r>
              <a:rPr lang="en-US" sz="1200">
                <a:solidFill>
                  <a:schemeClr val="tx1"/>
                </a:solidFill>
                <a:latin typeface="+mj-lt"/>
              </a:rPr>
              <a:t>!"#$%&amp;'()*+,./0123456789:;&lt;=&gt;?@ABCDEFGHIJKLMNOPQRSTUVWXYZ[\]^_`</a:t>
            </a:r>
            <a:r>
              <a:rPr lang="en-US" sz="1200" err="1">
                <a:solidFill>
                  <a:schemeClr val="tx1"/>
                </a:solidFill>
                <a:latin typeface="+mj-lt"/>
              </a:rPr>
              <a:t>abcdefghijklmnopqrstuvwxyz</a:t>
            </a:r>
            <a:r>
              <a:rPr lang="en-US" sz="1200">
                <a:solidFill>
                  <a:schemeClr val="tx1"/>
                </a:solidFill>
                <a:latin typeface="+mj-lt"/>
              </a:rPr>
              <a:t>{|}~¡¢£¤¥¦§¨©ª«¬®¯°±²³´¶·¸¹º»¼½ÀÁÂÃÄÅÆÇÈËÌÍÎÏÐÑÒÓÔÕÖ×ØÙÚÛÜÝÞßàáâãäåæçèéêëìíîïðñòóôõö÷øùúûüýþÿĀāĂăąĆćĊċ</a:t>
            </a:r>
            <a:r>
              <a:rPr lang="en-US" sz="1200" kern="1200">
                <a:solidFill>
                  <a:schemeClr val="tx1"/>
                </a:solidFill>
                <a:latin typeface="+mn-lt"/>
                <a:ea typeface="+mn-ea"/>
                <a:cs typeface="+mn-cs"/>
              </a:rPr>
              <a:t>Čč</a:t>
            </a:r>
            <a:r>
              <a:rPr lang="en-US" sz="1200">
                <a:solidFill>
                  <a:schemeClr val="tx1"/>
                </a:solidFill>
                <a:latin typeface="+mj-lt"/>
              </a:rPr>
              <a:t>ĎďĐđĒĖėĘęĚěĞğĠġĢģĪīĮįİıĶķĹĺĻļĽľŁłŃńŅņŇňŌŐőŒœŔŕŖŗŘřŚśŞşŠšŢţŤťŪūŮůŰűŲųŴŵŶŷŸŹźŻżŽžƒȘșˆˇ˘˙˚˛˜˝</a:t>
            </a:r>
            <a:r>
              <a:rPr lang="en-US" sz="1200" err="1">
                <a:solidFill>
                  <a:schemeClr val="tx1"/>
                </a:solidFill>
                <a:latin typeface="+mj-lt"/>
              </a:rPr>
              <a:t>ẀẁẃẄẅỲỳ</a:t>
            </a:r>
            <a:r>
              <a:rPr lang="en-US" sz="1200">
                <a:solidFill>
                  <a:schemeClr val="tx1"/>
                </a:solidFill>
                <a:latin typeface="+mj-lt"/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200" err="1">
                <a:solidFill>
                  <a:schemeClr val="tx1"/>
                </a:solidFill>
                <a:latin typeface="+mj-lt"/>
              </a:rPr>
              <a:t>ﬁﬂΆΈΉΊΌΎΏΐΑΒΓΕΖΗΘΙΚΛΜΝΞΟΠΡΣΤΥΦΧΨΪΫΆΈΉΊΰ</a:t>
            </a:r>
            <a:r>
              <a:rPr lang="en-US" sz="1200">
                <a:solidFill>
                  <a:schemeClr val="tx1"/>
                </a:solidFill>
                <a:latin typeface="+mj-lt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</a:t>
            </a:r>
            <a:r>
              <a:rPr lang="en-US" sz="1200">
                <a:solidFill>
                  <a:schemeClr val="tx1"/>
                </a:solidFill>
                <a:latin typeface="Ericsson Hilda Light" panose="00000400000000000000" pitchFamily="2" charset="0"/>
              </a:rPr>
              <a:t>●</a:t>
            </a:r>
            <a:endParaRPr lang="en-US" sz="1200">
              <a:solidFill>
                <a:schemeClr val="tx1"/>
              </a:solidFill>
            </a:endParaRPr>
          </a:p>
          <a:p>
            <a:pPr marL="0" indent="0">
              <a:buClr>
                <a:schemeClr val="tx1"/>
              </a:buClr>
              <a:buFont typeface="Ericsson Hilda Light" panose="00000400000000000000" pitchFamily="2" charset="0"/>
              <a:buNone/>
            </a:pPr>
            <a:r>
              <a:rPr lang="en-US" sz="1200" u="sng" err="1">
                <a:solidFill>
                  <a:schemeClr val="tx1"/>
                </a:solidFill>
                <a:latin typeface="+mn-lt"/>
              </a:rPr>
              <a:t>EricssonHilda</a:t>
            </a:r>
            <a:r>
              <a:rPr lang="en-US" sz="1200" u="sng">
                <a:solidFill>
                  <a:schemeClr val="tx1"/>
                </a:solidFill>
                <a:latin typeface="+mn-lt"/>
              </a:rPr>
              <a:t>(Regular):</a:t>
            </a:r>
            <a:r>
              <a:rPr lang="en-US" sz="1200">
                <a:solidFill>
                  <a:schemeClr val="tx1"/>
                </a:solidFill>
                <a:latin typeface="+mn-lt"/>
              </a:rPr>
              <a:t>!"#$%&amp;'()*+,./0123456789:;&lt;=&gt;?@ABCDEFGHIJKLMNOPQRSTUVWXYZ[\]^_`</a:t>
            </a:r>
            <a:r>
              <a:rPr lang="en-US" sz="1200" err="1">
                <a:solidFill>
                  <a:schemeClr val="tx1"/>
                </a:solidFill>
                <a:latin typeface="+mn-lt"/>
              </a:rPr>
              <a:t>abcdefghijklmnopqrstuvwxyz</a:t>
            </a:r>
            <a:r>
              <a:rPr lang="en-US" sz="1200">
                <a:solidFill>
                  <a:schemeClr val="tx1"/>
                </a:solidFill>
                <a:latin typeface="+mn-lt"/>
              </a:rPr>
              <a:t>{|}~¡¢£¤¥¦§¨©ª«¬®¯°±²³´¶·¸¹º»¼½ÀÁÂÃÄÅÆÇÈËÌÍÎÏÐÑÒÓÔÕÖ×ØÙÚÛÜÝÞßàáâãäåæçèéêëìíîïðñòóôõö÷øùúûüýþÿĀāĂăąĆćĊċČčĎďĐđĒĖėĘęĚěĞğĠġĢģĪīĮįİıĶķĹĺĻļĽľŁłŃńŅņŇňŌŐőŒœŔŕŖŗŘřŚśŞşŠšŢţŤťŪūŮůŰűŲųŴŵŶŷŸŹźŻżŽžƒȘșˆˇ˘˙˚˛˜˝</a:t>
            </a:r>
            <a:r>
              <a:rPr lang="en-US" sz="1200" err="1">
                <a:solidFill>
                  <a:schemeClr val="tx1"/>
                </a:solidFill>
                <a:latin typeface="+mn-lt"/>
              </a:rPr>
              <a:t>ẀẁẃẄẅỲỳ</a:t>
            </a:r>
            <a:r>
              <a:rPr lang="en-US" sz="1200">
                <a:solidFill>
                  <a:schemeClr val="tx1"/>
                </a:solidFill>
                <a:latin typeface="+mn-lt"/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200" err="1">
                <a:solidFill>
                  <a:schemeClr val="tx1"/>
                </a:solidFill>
                <a:latin typeface="+mn-lt"/>
              </a:rPr>
              <a:t>ﬁﬂΆΈΉΊΌΎΏΐΑΒΓΕΖΗΘΙΚΛΜΝΞΟΠΡΣΤΥΦΧΨΪΫΆΈΉΊΰ</a:t>
            </a:r>
            <a:r>
              <a:rPr lang="en-US" sz="1200">
                <a:solidFill>
                  <a:schemeClr val="tx1"/>
                </a:solidFill>
                <a:latin typeface="+mn-lt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●</a:t>
            </a:r>
            <a:endParaRPr lang="en-US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200" b="1" u="sng" err="1">
                <a:solidFill>
                  <a:schemeClr val="tx1"/>
                </a:solidFill>
                <a:latin typeface="+mj-lt"/>
              </a:rPr>
              <a:t>EricssonHildaLight+Bold</a:t>
            </a:r>
            <a:r>
              <a:rPr lang="en-US" sz="1200" b="1" u="sng">
                <a:solidFill>
                  <a:schemeClr val="tx1"/>
                </a:solidFill>
                <a:latin typeface="+mj-lt"/>
              </a:rPr>
              <a:t>(Medium):</a:t>
            </a:r>
            <a:r>
              <a:rPr lang="en-US" sz="1200" b="1">
                <a:solidFill>
                  <a:schemeClr val="tx1"/>
                </a:solidFill>
                <a:latin typeface="+mj-lt"/>
              </a:rPr>
              <a:t>!"#$%&amp;'()*+,./0123456789:;&lt;=&gt;?@ABCDEFGHIJKLMNOPQRSTUVWXYZ[\]^_`</a:t>
            </a:r>
            <a:r>
              <a:rPr lang="en-US" sz="1200" b="1" err="1">
                <a:solidFill>
                  <a:schemeClr val="tx1"/>
                </a:solidFill>
                <a:latin typeface="+mj-lt"/>
              </a:rPr>
              <a:t>abcdefghijklmnopqrstuvwxyz</a:t>
            </a:r>
            <a:r>
              <a:rPr lang="en-US" sz="1200" b="1">
                <a:solidFill>
                  <a:schemeClr val="tx1"/>
                </a:solidFill>
                <a:latin typeface="+mj-lt"/>
              </a:rPr>
              <a:t>{|}~¡¢£¤¥¦§¨©ª«¬®¯°±²³´¶·¸¹º»¼½ÀÁÂÃÄÅÆÇÈËÌÍÎÏÐÑÒÓÔÕÖ×ØÙÚÛÜÝÞßàáâãäåæçèéêëìíîïðñòóôõö÷øùúûüýþÿĀāĂăąĆćĊċ</a:t>
            </a:r>
            <a:r>
              <a:rPr lang="en-US" sz="1200" b="1" kern="1200">
                <a:solidFill>
                  <a:schemeClr val="tx1"/>
                </a:solidFill>
                <a:latin typeface="+mn-lt"/>
                <a:ea typeface="+mn-ea"/>
                <a:cs typeface="+mn-cs"/>
              </a:rPr>
              <a:t>Čč</a:t>
            </a:r>
            <a:r>
              <a:rPr lang="en-US" sz="1200" b="1">
                <a:solidFill>
                  <a:schemeClr val="tx1"/>
                </a:solidFill>
                <a:latin typeface="+mj-lt"/>
              </a:rPr>
              <a:t>ĎďĐđĒĖėĘęĚěĞğĠġĢģĪīĮįİıĶķĹĺĻļĽľŁłŃńŅņŇňŌŐőŒœŔŕŖŗŘřŚśŞşŠšŢţŤťŪūŮůŰűŲųŴŵŶŷŸŹźŻżŽžƒȘșˆˇ˘˙˚˛˜˝</a:t>
            </a:r>
            <a:r>
              <a:rPr lang="en-US" sz="1200" b="1" err="1">
                <a:solidFill>
                  <a:schemeClr val="tx1"/>
                </a:solidFill>
                <a:latin typeface="+mj-lt"/>
              </a:rPr>
              <a:t>ẀẁẃẄẅỲỳ</a:t>
            </a:r>
            <a:r>
              <a:rPr lang="en-US" sz="1200" b="1">
                <a:solidFill>
                  <a:schemeClr val="tx1"/>
                </a:solidFill>
                <a:latin typeface="+mj-lt"/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200" b="1" err="1">
                <a:solidFill>
                  <a:schemeClr val="tx1"/>
                </a:solidFill>
                <a:latin typeface="+mj-lt"/>
              </a:rPr>
              <a:t>ﬁﬂΆΈΉΊΌΎΏΐΑΒΓΕΖΗΘΙΚΛΜΝΞΟΠΡΣΤΥΦΧΨΪΫΆΈΉΊΰ</a:t>
            </a:r>
            <a:r>
              <a:rPr lang="en-US" sz="1200" b="1">
                <a:solidFill>
                  <a:schemeClr val="tx1"/>
                </a:solidFill>
                <a:latin typeface="+mj-lt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</a:t>
            </a:r>
            <a:r>
              <a:rPr lang="en-US" sz="1200" b="1">
                <a:solidFill>
                  <a:schemeClr val="tx1"/>
                </a:solidFill>
                <a:latin typeface="Ericsson Hilda Light" panose="00000400000000000000" pitchFamily="2" charset="0"/>
              </a:rPr>
              <a:t>●</a:t>
            </a:r>
            <a:endParaRPr lang="en-US" sz="1200" b="1">
              <a:solidFill>
                <a:schemeClr val="tx1"/>
              </a:solidFill>
              <a:latin typeface="+mj-lt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200" b="1" u="sng" err="1">
                <a:solidFill>
                  <a:schemeClr val="tx1"/>
                </a:solidFill>
                <a:latin typeface="+mn-lt"/>
              </a:rPr>
              <a:t>EricssonHilda+Bold</a:t>
            </a:r>
            <a:r>
              <a:rPr lang="en-US" sz="1200" b="1" u="sng">
                <a:solidFill>
                  <a:schemeClr val="tx1"/>
                </a:solidFill>
                <a:latin typeface="+mn-lt"/>
              </a:rPr>
              <a:t>(Bold):</a:t>
            </a:r>
            <a:r>
              <a:rPr lang="en-US" sz="1200" b="1">
                <a:solidFill>
                  <a:schemeClr val="tx1"/>
                </a:solidFill>
                <a:latin typeface="+mn-lt"/>
              </a:rPr>
              <a:t>!"#$%&amp;'()*+,./0123456789:;&lt;=&gt;?@ABCDEFGHIJKLMNOPQRSTUVWXYZ[\]^_`</a:t>
            </a:r>
            <a:r>
              <a:rPr lang="en-US" sz="1200" b="1" err="1">
                <a:solidFill>
                  <a:schemeClr val="tx1"/>
                </a:solidFill>
                <a:latin typeface="+mn-lt"/>
              </a:rPr>
              <a:t>abcdefghijklmnopqrstuvwxyz</a:t>
            </a:r>
            <a:r>
              <a:rPr lang="en-US" sz="1200" b="1">
                <a:solidFill>
                  <a:schemeClr val="tx1"/>
                </a:solidFill>
                <a:latin typeface="+mn-lt"/>
              </a:rPr>
              <a:t>{|}~¡¢£¤¥¦§¨©ª«¬®¯°±²³´¶·¸¹º»¼½ÀÁÂÃÄÅÆÇÈËÌÍÎÏÐÑÒÓÔÕÖ×ØÙÚÛÜÝÞßàáâãäåæçèéêëìíîïðñòóôõö÷øùúûüýþÿĀāĂăąĆćĊċČčĎďĐđĒĖėĘęĚěĞğĠġĢģĪīĮįİıĶķĹĺĻļĽľŁłŃńŅņŇňŌŐőŒœŔŕŖŗŘřŚśŞşŠšŢţŤťŪūŮůŰűŲųŴŵŶŷŸŹźŻżŽžƒȘșˆˇ˘˙˚˛˜˝</a:t>
            </a:r>
            <a:r>
              <a:rPr lang="en-US" sz="1200" b="1" err="1">
                <a:solidFill>
                  <a:schemeClr val="tx1"/>
                </a:solidFill>
                <a:latin typeface="+mn-lt"/>
              </a:rPr>
              <a:t>ẀẁẃẄẅỲỳ</a:t>
            </a:r>
            <a:r>
              <a:rPr lang="en-US" sz="1200" b="1">
                <a:solidFill>
                  <a:schemeClr val="tx1"/>
                </a:solidFill>
                <a:latin typeface="+mn-lt"/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200" b="1" err="1">
                <a:solidFill>
                  <a:schemeClr val="tx1"/>
                </a:solidFill>
                <a:latin typeface="+mn-lt"/>
              </a:rPr>
              <a:t>ﬁﬂΆΈΉΊΌΎΏΐΑΒΓΕΖΗΘΙΚΛΜΝΞΟΠΡΣΤΥΦΧΨΪΫΆΈΉΊΰ</a:t>
            </a:r>
            <a:r>
              <a:rPr lang="en-US" sz="1200" b="1">
                <a:solidFill>
                  <a:schemeClr val="tx1"/>
                </a:solidFill>
                <a:latin typeface="+mn-lt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 ●</a:t>
            </a:r>
            <a:endParaRPr lang="en-US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200" b="0" u="sng" err="1">
                <a:solidFill>
                  <a:schemeClr val="tx1"/>
                </a:solidFill>
                <a:latin typeface="Ericsson Hilda ExtraBold" panose="00000900000000000000" pitchFamily="2" charset="0"/>
              </a:rPr>
              <a:t>EricssonHilda</a:t>
            </a:r>
            <a:r>
              <a:rPr lang="en-US" sz="1200" b="0" u="sng">
                <a:solidFill>
                  <a:schemeClr val="tx1"/>
                </a:solidFill>
                <a:latin typeface="Ericsson Hilda ExtraBold" panose="00000900000000000000" pitchFamily="2" charset="0"/>
              </a:rPr>
              <a:t>(</a:t>
            </a:r>
            <a:r>
              <a:rPr lang="en-US" sz="1200" b="0" u="sng" err="1">
                <a:solidFill>
                  <a:schemeClr val="tx1"/>
                </a:solidFill>
                <a:latin typeface="Ericsson Hilda ExtraBold" panose="00000900000000000000" pitchFamily="2" charset="0"/>
              </a:rPr>
              <a:t>ExtraBold</a:t>
            </a:r>
            <a:r>
              <a:rPr lang="en-US" sz="1200" b="0" u="sng">
                <a:solidFill>
                  <a:schemeClr val="tx1"/>
                </a:solidFill>
                <a:latin typeface="Ericsson Hilda ExtraBold" panose="00000900000000000000" pitchFamily="2" charset="0"/>
              </a:rPr>
              <a:t>):</a:t>
            </a:r>
            <a:r>
              <a:rPr lang="en-US" sz="1200" b="0">
                <a:solidFill>
                  <a:schemeClr val="tx1"/>
                </a:solidFill>
                <a:latin typeface="Ericsson Hilda ExtraBold" panose="00000900000000000000" pitchFamily="2" charset="0"/>
              </a:rPr>
              <a:t>!"#$%&amp;'()*+,./0123456789:;&lt;=&gt;?@ABCDEFGHIJKLMNOPQRSTUVWXYZ[\]^_`</a:t>
            </a:r>
            <a:r>
              <a:rPr lang="en-US" sz="1200" b="0" err="1">
                <a:solidFill>
                  <a:schemeClr val="tx1"/>
                </a:solidFill>
                <a:latin typeface="Ericsson Hilda ExtraBold" panose="00000900000000000000" pitchFamily="2" charset="0"/>
              </a:rPr>
              <a:t>abcdefghijklmnopqrstuvwxyz</a:t>
            </a:r>
            <a:r>
              <a:rPr lang="en-US" sz="1200" b="0">
                <a:solidFill>
                  <a:schemeClr val="tx1"/>
                </a:solidFill>
                <a:latin typeface="Ericsson Hilda ExtraBold" panose="00000900000000000000" pitchFamily="2" charset="0"/>
              </a:rPr>
              <a:t>{|}~¡¢£¤¥¦§¨©ª«¬®¯°±²³´¶·¸¹º»¼½ÀÁÂÃÄÅÆÇÈËÌÍÎÏÐÑÒÓÔÕÖ×ØÙÚÛÜÝÞßàáâãäåæçèéêëìíîïðñòóôõö÷øùúûüýþÿĀāĂăąĆćĊċ</a:t>
            </a:r>
            <a:r>
              <a:rPr lang="en-US" sz="1200" b="0" kern="1200">
                <a:solidFill>
                  <a:schemeClr val="tx1"/>
                </a:solidFill>
                <a:latin typeface="Ericsson Hilda ExtraBold" panose="00000900000000000000" pitchFamily="2" charset="0"/>
                <a:ea typeface="+mn-ea"/>
                <a:cs typeface="+mn-cs"/>
              </a:rPr>
              <a:t>Čč</a:t>
            </a:r>
            <a:r>
              <a:rPr lang="en-US" sz="1200" b="0">
                <a:solidFill>
                  <a:schemeClr val="tx1"/>
                </a:solidFill>
                <a:latin typeface="Ericsson Hilda ExtraBold" panose="00000900000000000000" pitchFamily="2" charset="0"/>
              </a:rPr>
              <a:t>ĎďĐđĒĖėĘęĚěĞğĠġĢģĪīĮįİıĶķĹĺĻļĽľŁłŃńŅņŇňŌŐőŒœŔŕŖŗŘřŚśŞşŠšŢţŤťŪūŮůŰűŲųŴŵŶŷŸŹźŻżŽžƒȘșˆˇ˘˙˚˛˜˝</a:t>
            </a:r>
            <a:r>
              <a:rPr lang="en-US" sz="1200" b="0" err="1">
                <a:solidFill>
                  <a:schemeClr val="tx1"/>
                </a:solidFill>
                <a:latin typeface="Ericsson Hilda ExtraBold" panose="00000900000000000000" pitchFamily="2" charset="0"/>
              </a:rPr>
              <a:t>ẀẁẃẄẅỲỳ</a:t>
            </a:r>
            <a:r>
              <a:rPr lang="en-US" sz="1200" b="0">
                <a:solidFill>
                  <a:schemeClr val="tx1"/>
                </a:solidFill>
                <a:latin typeface="Ericsson Hilda ExtraBold" panose="00000900000000000000" pitchFamily="2" charset="0"/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200" b="0" err="1">
                <a:solidFill>
                  <a:schemeClr val="tx1"/>
                </a:solidFill>
                <a:latin typeface="Ericsson Hilda ExtraBold" panose="00000900000000000000" pitchFamily="2" charset="0"/>
              </a:rPr>
              <a:t>ﬁﬂΆΈΉΊΌΎΏΐΑΒΓΕΖΗΘΙΚΛΜΝΞΟΠΡΣΤΥΦΧΨΪΫΆΈΉΊΰ</a:t>
            </a:r>
            <a:r>
              <a:rPr lang="en-US" sz="1200" b="0">
                <a:solidFill>
                  <a:schemeClr val="tx1"/>
                </a:solidFill>
                <a:latin typeface="Ericsson Hilda ExtraBold" panose="00000900000000000000" pitchFamily="2" charset="0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●</a:t>
            </a:r>
            <a:endParaRPr lang="en-US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endParaRPr lang="en-US" sz="1200" b="1">
              <a:solidFill>
                <a:schemeClr val="tx1"/>
              </a:solidFill>
              <a:latin typeface="Ericsson Technical Icons" panose="00000500000000000000" pitchFamily="2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200" b="1">
                <a:solidFill>
                  <a:schemeClr val="tx1"/>
                </a:solidFill>
                <a:latin typeface="Ericsson Technical Icons" panose="00000500000000000000" pitchFamily="2" charset="0"/>
              </a:rPr>
              <a:t>B C D F G H I L M O P R S W X b c d f g h I l m o p r s w x</a:t>
            </a:r>
            <a:endParaRPr lang="en-US" sz="1200" b="1">
              <a:solidFill>
                <a:schemeClr val="tx1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209654130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and 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_SM">
            <a:extLst>
              <a:ext uri="{FF2B5EF4-FFF2-40B4-BE49-F238E27FC236}">
                <a16:creationId xmlns:a16="http://schemas.microsoft.com/office/drawing/2014/main" id="{6B686A21-AA96-4B0A-B7CE-F4C6D5D31B32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  <p:sp>
        <p:nvSpPr>
          <p:cNvPr id="6" name="Content Placeholder 1"/>
          <p:cNvSpPr>
            <a:spLocks noGrp="1"/>
          </p:cNvSpPr>
          <p:nvPr>
            <p:ph sz="quarter" idx="11" hasCustomPrompt="1"/>
          </p:nvPr>
        </p:nvSpPr>
        <p:spPr>
          <a:xfrm>
            <a:off x="481052" y="1846580"/>
            <a:ext cx="3528000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8" name="Content Placeholder 2"/>
          <p:cNvSpPr>
            <a:spLocks noGrp="1"/>
          </p:cNvSpPr>
          <p:nvPr>
            <p:ph sz="quarter" idx="12" hasCustomPrompt="1"/>
          </p:nvPr>
        </p:nvSpPr>
        <p:spPr>
          <a:xfrm>
            <a:off x="4332814" y="1844674"/>
            <a:ext cx="3528000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8E3794F8-471D-4987-945F-3C29BB03AB49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184575" y="1846580"/>
            <a:ext cx="3528000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</p:spTree>
    <p:extLst>
      <p:ext uri="{BB962C8B-B14F-4D97-AF65-F5344CB8AC3E}">
        <p14:creationId xmlns:p14="http://schemas.microsoft.com/office/powerpoint/2010/main" val="1664730313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and 8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_SM">
            <a:extLst>
              <a:ext uri="{FF2B5EF4-FFF2-40B4-BE49-F238E27FC236}">
                <a16:creationId xmlns:a16="http://schemas.microsoft.com/office/drawing/2014/main" id="{99858DC4-E787-41D2-A613-961D60F89117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  <p:sp>
        <p:nvSpPr>
          <p:cNvPr id="3" name="Content Placeholder 1"/>
          <p:cNvSpPr>
            <a:spLocks noGrp="1"/>
          </p:cNvSpPr>
          <p:nvPr>
            <p:ph sz="quarter" idx="1" hasCustomPrompt="1"/>
          </p:nvPr>
        </p:nvSpPr>
        <p:spPr>
          <a:xfrm>
            <a:off x="481560" y="1844675"/>
            <a:ext cx="2592389" cy="2089150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4" name="Content Placeholder 2"/>
          <p:cNvSpPr>
            <a:spLocks noGrp="1"/>
          </p:cNvSpPr>
          <p:nvPr>
            <p:ph sz="quarter" idx="2" hasCustomPrompt="1"/>
          </p:nvPr>
        </p:nvSpPr>
        <p:spPr>
          <a:xfrm>
            <a:off x="6243216" y="1844674"/>
            <a:ext cx="2592387" cy="2089150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>
                <a:solidFill>
                  <a:schemeClr val="tx1"/>
                </a:solidFill>
              </a:defRPr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3"/>
            <a:endParaRPr lang="en-US"/>
          </a:p>
        </p:txBody>
      </p:sp>
      <p:sp>
        <p:nvSpPr>
          <p:cNvPr id="5" name="Content Placeholder 3"/>
          <p:cNvSpPr>
            <a:spLocks noGrp="1"/>
          </p:cNvSpPr>
          <p:nvPr>
            <p:ph sz="quarter" idx="3" hasCustomPrompt="1"/>
          </p:nvPr>
        </p:nvSpPr>
        <p:spPr>
          <a:xfrm>
            <a:off x="481561" y="4151134"/>
            <a:ext cx="2592389" cy="2087563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6" name="Content Placeholder 4"/>
          <p:cNvSpPr>
            <a:spLocks noGrp="1"/>
          </p:cNvSpPr>
          <p:nvPr>
            <p:ph sz="quarter" idx="4" hasCustomPrompt="1"/>
          </p:nvPr>
        </p:nvSpPr>
        <p:spPr>
          <a:xfrm>
            <a:off x="6243152" y="4151245"/>
            <a:ext cx="2592387" cy="2086292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 marL="1028700" indent="0">
              <a:buNone/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9" name="Content Placeholder 5"/>
          <p:cNvSpPr>
            <a:spLocks noGrp="1"/>
          </p:cNvSpPr>
          <p:nvPr>
            <p:ph sz="quarter" idx="11" hasCustomPrompt="1"/>
          </p:nvPr>
        </p:nvSpPr>
        <p:spPr>
          <a:xfrm>
            <a:off x="3359835" y="1844674"/>
            <a:ext cx="2592388" cy="2089150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8" name="Content Placeholder 6"/>
          <p:cNvSpPr>
            <a:spLocks noGrp="1"/>
          </p:cNvSpPr>
          <p:nvPr>
            <p:ph sz="quarter" idx="10" hasCustomPrompt="1"/>
          </p:nvPr>
        </p:nvSpPr>
        <p:spPr>
          <a:xfrm>
            <a:off x="3361288" y="4151861"/>
            <a:ext cx="2592387" cy="2087563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11" name="Content Placeholder 7"/>
          <p:cNvSpPr>
            <a:spLocks noGrp="1"/>
          </p:cNvSpPr>
          <p:nvPr>
            <p:ph sz="quarter" idx="13" hasCustomPrompt="1"/>
          </p:nvPr>
        </p:nvSpPr>
        <p:spPr>
          <a:xfrm>
            <a:off x="9122324" y="1844674"/>
            <a:ext cx="2592387" cy="2089151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>
                <a:solidFill>
                  <a:schemeClr val="tx1"/>
                </a:solidFill>
              </a:defRPr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3"/>
            <a:endParaRPr lang="en-US"/>
          </a:p>
        </p:txBody>
      </p:sp>
      <p:sp>
        <p:nvSpPr>
          <p:cNvPr id="10" name="Content Placeholder 8"/>
          <p:cNvSpPr>
            <a:spLocks noGrp="1"/>
          </p:cNvSpPr>
          <p:nvPr>
            <p:ph sz="quarter" idx="12" hasCustomPrompt="1"/>
          </p:nvPr>
        </p:nvSpPr>
        <p:spPr>
          <a:xfrm>
            <a:off x="9122324" y="4151861"/>
            <a:ext cx="2592387" cy="2087562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</p:txBody>
      </p:sp>
    </p:spTree>
    <p:extLst>
      <p:ext uri="{BB962C8B-B14F-4D97-AF65-F5344CB8AC3E}">
        <p14:creationId xmlns:p14="http://schemas.microsoft.com/office/powerpoint/2010/main" val="304573297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and 1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10521950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Use this layout for document slides when you need space for a long heading and big content area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10CFEFC-6AC8-4817-A0D3-6029D48BD293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79425" y="1844675"/>
            <a:ext cx="11233150" cy="4392612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</p:spTree>
    <p:extLst>
      <p:ext uri="{BB962C8B-B14F-4D97-AF65-F5344CB8AC3E}">
        <p14:creationId xmlns:p14="http://schemas.microsoft.com/office/powerpoint/2010/main" val="3443338964"/>
      </p:ext>
    </p:extLst>
  </p:cSld>
  <p:clrMapOvr>
    <a:masterClrMapping/>
  </p:clrMapOvr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61548355-d009-41d1-8805-a2726ff6a817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54D93672-2A04-4EF3-916F-2C920729FB07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tx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wrap="none" lIns="72000" rIns="72000"/>
          <a:lstStyle/>
          <a:p>
            <a:pPr>
              <a:spcBef>
                <a:spcPct val="50000"/>
              </a:spcBef>
              <a:defRPr/>
            </a:pPr>
            <a:endParaRPr lang="en-US">
              <a:latin typeface="Ericsson Hilda Light" panose="00000400000000000000" pitchFamily="2" charset="0"/>
              <a:cs typeface="+mn-cs"/>
            </a:endParaRPr>
          </a:p>
        </p:txBody>
      </p:sp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7D510456-FEBC-46FA-B25A-B809F2C18A6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87410" y="476250"/>
            <a:ext cx="261523" cy="261523"/>
          </a:xfrm>
          <a:prstGeom prst="rect">
            <a:avLst/>
          </a:prstGeom>
        </p:spPr>
      </p:pic>
      <p:sp>
        <p:nvSpPr>
          <p:cNvPr id="7" name="FirstDividerHider">
            <a:extLst>
              <a:ext uri="{FF2B5EF4-FFF2-40B4-BE49-F238E27FC236}">
                <a16:creationId xmlns:a16="http://schemas.microsoft.com/office/drawing/2014/main" id="{4EDD5C80-CD72-4597-8F70-395B8174120F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tx2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518373976"/>
      </p:ext>
    </p:extLst>
  </p:cSld>
  <p:clrMapOvr>
    <a:masterClrMapping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db76f10e-1c71-4bdc-b2f6-56fe3be7b39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  <p:sp>
        <p:nvSpPr>
          <p:cNvPr id="5" name="FirstDividerHider">
            <a:extLst>
              <a:ext uri="{FF2B5EF4-FFF2-40B4-BE49-F238E27FC236}">
                <a16:creationId xmlns:a16="http://schemas.microsoft.com/office/drawing/2014/main" id="{CA0A38D4-B093-4CE6-9935-648A137BFECE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623742912"/>
      </p:ext>
    </p:extLst>
  </p:cSld>
  <p:clrMapOvr>
    <a:masterClrMapping/>
  </p:clrMapOvr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5" name="Shape 45"/>
          <p:cNvSpPr>
            <a:spLocks noGrp="1"/>
          </p:cNvSpPr>
          <p:nvPr>
            <p:ph type="sldNum" sz="quarter" idx="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pPr lvl="0"/>
            <a:fld id="{86CB4B4D-7CA3-9044-876B-883B54F8677D}" type="slidenum">
              <a:rPr lang="en-US"/>
              <a:t>‹#›</a:t>
            </a:fld>
            <a:endParaRPr lang="en-US"/>
          </a:p>
        </p:txBody>
      </p:sp>
      <p:sp>
        <p:nvSpPr>
          <p:cNvPr id="14" name="Picture Placeholder 3"/>
          <p:cNvSpPr>
            <a:spLocks noGrp="1"/>
          </p:cNvSpPr>
          <p:nvPr>
            <p:ph type="pic" sz="quarter" idx="10"/>
          </p:nvPr>
        </p:nvSpPr>
        <p:spPr>
          <a:xfrm>
            <a:off x="1078936" y="1482831"/>
            <a:ext cx="2149434" cy="1954777"/>
          </a:xfrm>
          <a:prstGeom prst="rect">
            <a:avLst/>
          </a:prstGeom>
        </p:spPr>
        <p:txBody>
          <a:bodyPr anchor="ctr"/>
          <a:lstStyle>
            <a:lvl1pPr marL="0" indent="0" algn="ctr">
              <a:buFontTx/>
              <a:buNone/>
              <a:defRPr sz="1250" b="0" i="0">
                <a:solidFill>
                  <a:schemeClr val="bg1">
                    <a:lumMod val="50000"/>
                  </a:schemeClr>
                </a:solidFill>
                <a:latin typeface="Lato Light" charset="0"/>
                <a:ea typeface="Lato Light" charset="0"/>
                <a:cs typeface="Lato Light" charset="0"/>
              </a:defRPr>
            </a:lvl1pPr>
          </a:lstStyle>
          <a:p>
            <a:endParaRPr lang="en-US"/>
          </a:p>
        </p:txBody>
      </p:sp>
      <p:sp>
        <p:nvSpPr>
          <p:cNvPr id="15" name="Picture Placeholder 3"/>
          <p:cNvSpPr>
            <a:spLocks noGrp="1"/>
          </p:cNvSpPr>
          <p:nvPr>
            <p:ph type="pic" sz="quarter" idx="11"/>
          </p:nvPr>
        </p:nvSpPr>
        <p:spPr>
          <a:xfrm>
            <a:off x="3306321" y="1482831"/>
            <a:ext cx="5341107" cy="1954777"/>
          </a:xfrm>
          <a:prstGeom prst="rect">
            <a:avLst/>
          </a:prstGeom>
        </p:spPr>
        <p:txBody>
          <a:bodyPr anchor="ctr"/>
          <a:lstStyle>
            <a:lvl1pPr marL="0" indent="0" algn="ctr">
              <a:buFontTx/>
              <a:buNone/>
              <a:defRPr sz="1250" b="0" i="0">
                <a:solidFill>
                  <a:schemeClr val="bg1">
                    <a:lumMod val="50000"/>
                  </a:schemeClr>
                </a:solidFill>
                <a:latin typeface="Lato Light" charset="0"/>
                <a:ea typeface="Lato Light" charset="0"/>
                <a:cs typeface="Lato Light" charset="0"/>
              </a:defRPr>
            </a:lvl1pPr>
          </a:lstStyle>
          <a:p>
            <a:endParaRPr lang="en-US"/>
          </a:p>
        </p:txBody>
      </p:sp>
      <p:sp>
        <p:nvSpPr>
          <p:cNvPr id="16" name="Picture Placeholder 3"/>
          <p:cNvSpPr>
            <a:spLocks noGrp="1"/>
          </p:cNvSpPr>
          <p:nvPr>
            <p:ph type="pic" sz="quarter" idx="12"/>
          </p:nvPr>
        </p:nvSpPr>
        <p:spPr>
          <a:xfrm>
            <a:off x="8734106" y="1482831"/>
            <a:ext cx="2378866" cy="1954777"/>
          </a:xfrm>
          <a:prstGeom prst="rect">
            <a:avLst/>
          </a:prstGeom>
        </p:spPr>
        <p:txBody>
          <a:bodyPr anchor="ctr"/>
          <a:lstStyle>
            <a:lvl1pPr marL="0" indent="0" algn="ctr">
              <a:buFontTx/>
              <a:buNone/>
              <a:defRPr sz="1250" b="0" i="0">
                <a:solidFill>
                  <a:schemeClr val="bg1">
                    <a:lumMod val="50000"/>
                  </a:schemeClr>
                </a:solidFill>
                <a:latin typeface="Lato Light" charset="0"/>
                <a:ea typeface="Lato Light" charset="0"/>
                <a:cs typeface="Lato Light" charset="0"/>
              </a:defRPr>
            </a:lvl1pPr>
          </a:lstStyle>
          <a:p>
            <a:endParaRPr lang="en-US"/>
          </a:p>
        </p:txBody>
      </p:sp>
      <p:sp>
        <p:nvSpPr>
          <p:cNvPr id="17" name="Picture Placeholder 3"/>
          <p:cNvSpPr>
            <a:spLocks noGrp="1"/>
          </p:cNvSpPr>
          <p:nvPr>
            <p:ph type="pic" sz="quarter" idx="13"/>
          </p:nvPr>
        </p:nvSpPr>
        <p:spPr>
          <a:xfrm>
            <a:off x="8262906" y="3499200"/>
            <a:ext cx="2850066" cy="1954777"/>
          </a:xfrm>
          <a:prstGeom prst="rect">
            <a:avLst/>
          </a:prstGeom>
        </p:spPr>
        <p:txBody>
          <a:bodyPr anchor="ctr"/>
          <a:lstStyle>
            <a:lvl1pPr marL="0" indent="0" algn="ctr">
              <a:buFontTx/>
              <a:buNone/>
              <a:defRPr sz="1250" b="0" i="0">
                <a:solidFill>
                  <a:schemeClr val="bg1">
                    <a:lumMod val="50000"/>
                  </a:schemeClr>
                </a:solidFill>
                <a:latin typeface="Lato Light" charset="0"/>
                <a:ea typeface="Lato Light" charset="0"/>
                <a:cs typeface="Lato Light" charset="0"/>
              </a:defRPr>
            </a:lvl1pPr>
          </a:lstStyle>
          <a:p>
            <a:endParaRPr lang="en-US"/>
          </a:p>
        </p:txBody>
      </p:sp>
      <p:sp>
        <p:nvSpPr>
          <p:cNvPr id="18" name="Picture Placeholder 3"/>
          <p:cNvSpPr>
            <a:spLocks noGrp="1"/>
          </p:cNvSpPr>
          <p:nvPr>
            <p:ph type="pic" sz="quarter" idx="14"/>
          </p:nvPr>
        </p:nvSpPr>
        <p:spPr>
          <a:xfrm>
            <a:off x="6283527" y="3499200"/>
            <a:ext cx="1898675" cy="1954777"/>
          </a:xfrm>
          <a:prstGeom prst="rect">
            <a:avLst/>
          </a:prstGeom>
        </p:spPr>
        <p:txBody>
          <a:bodyPr anchor="ctr"/>
          <a:lstStyle>
            <a:lvl1pPr marL="0" indent="0" algn="ctr">
              <a:buFontTx/>
              <a:buNone/>
              <a:defRPr sz="1250" b="0" i="0">
                <a:solidFill>
                  <a:schemeClr val="bg1">
                    <a:lumMod val="50000"/>
                  </a:schemeClr>
                </a:solidFill>
                <a:latin typeface="Lato Light" charset="0"/>
                <a:ea typeface="Lato Light" charset="0"/>
                <a:cs typeface="Lato Light" charset="0"/>
              </a:defRPr>
            </a:lvl1pPr>
          </a:lstStyle>
          <a:p>
            <a:endParaRPr lang="en-US"/>
          </a:p>
        </p:txBody>
      </p:sp>
      <p:sp>
        <p:nvSpPr>
          <p:cNvPr id="19" name="Picture Placeholder 3"/>
          <p:cNvSpPr>
            <a:spLocks noGrp="1"/>
          </p:cNvSpPr>
          <p:nvPr>
            <p:ph type="pic" sz="quarter" idx="15"/>
          </p:nvPr>
        </p:nvSpPr>
        <p:spPr>
          <a:xfrm>
            <a:off x="4302327" y="3499200"/>
            <a:ext cx="1898675" cy="1954777"/>
          </a:xfrm>
          <a:prstGeom prst="rect">
            <a:avLst/>
          </a:prstGeom>
        </p:spPr>
        <p:txBody>
          <a:bodyPr anchor="ctr"/>
          <a:lstStyle>
            <a:lvl1pPr marL="0" indent="0" algn="ctr">
              <a:buFontTx/>
              <a:buNone/>
              <a:defRPr sz="1250" b="0" i="0">
                <a:solidFill>
                  <a:schemeClr val="bg1">
                    <a:lumMod val="50000"/>
                  </a:schemeClr>
                </a:solidFill>
                <a:latin typeface="Lato Light" charset="0"/>
                <a:ea typeface="Lato Light" charset="0"/>
                <a:cs typeface="Lato Light" charset="0"/>
              </a:defRPr>
            </a:lvl1pPr>
          </a:lstStyle>
          <a:p>
            <a:endParaRPr lang="en-US"/>
          </a:p>
        </p:txBody>
      </p:sp>
      <p:sp>
        <p:nvSpPr>
          <p:cNvPr id="20" name="Picture Placeholder 3"/>
          <p:cNvSpPr>
            <a:spLocks noGrp="1"/>
          </p:cNvSpPr>
          <p:nvPr>
            <p:ph type="pic" sz="quarter" idx="16"/>
          </p:nvPr>
        </p:nvSpPr>
        <p:spPr>
          <a:xfrm>
            <a:off x="1078936" y="3499200"/>
            <a:ext cx="3140866" cy="1954777"/>
          </a:xfrm>
          <a:prstGeom prst="rect">
            <a:avLst/>
          </a:prstGeom>
        </p:spPr>
        <p:txBody>
          <a:bodyPr anchor="ctr"/>
          <a:lstStyle>
            <a:lvl1pPr marL="0" indent="0" algn="ctr">
              <a:buFontTx/>
              <a:buNone/>
              <a:defRPr sz="1250" b="0" i="0">
                <a:solidFill>
                  <a:schemeClr val="bg1">
                    <a:lumMod val="50000"/>
                  </a:schemeClr>
                </a:solidFill>
                <a:latin typeface="Lato Light" charset="0"/>
                <a:ea typeface="Lato Light" charset="0"/>
                <a:cs typeface="Lato Light" charset="0"/>
              </a:defRPr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52553551"/>
      </p:ext>
    </p:extLst>
  </p:cSld>
  <p:clrMapOvr>
    <a:masterClrMapping/>
  </p:clrMapOvr>
  <p:transition spd="med"/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3_Title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257EFA6A-26BC-43AB-A3CE-6956A0330C6B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1832037270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270" imgH="270" progId="TCLayout.ActiveDocument.1">
                  <p:embed/>
                </p:oleObj>
              </mc:Choice>
              <mc:Fallback>
                <p:oleObj name="think-cell Slide" r:id="rId4" imgW="270" imgH="270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257EFA6A-26BC-43AB-A3CE-6956A0330C6B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Rectangle 2" hidden="1">
            <a:extLst>
              <a:ext uri="{FF2B5EF4-FFF2-40B4-BE49-F238E27FC236}">
                <a16:creationId xmlns:a16="http://schemas.microsoft.com/office/drawing/2014/main" id="{765B1A2F-5924-47FE-80DA-99B9FCE32573}"/>
              </a:ext>
            </a:extLst>
          </p:cNvPr>
          <p:cNvSpPr/>
          <p:nvPr userDrawn="1">
            <p:custDataLst>
              <p:tags r:id="rId2"/>
            </p:custDataLst>
          </p:nvPr>
        </p:nvSpPr>
        <p:spPr bwMode="auto">
          <a:xfrm>
            <a:off x="0" y="0"/>
            <a:ext cx="158750" cy="158750"/>
          </a:xfrm>
          <a:prstGeom prst="rect">
            <a:avLst/>
          </a:prstGeom>
          <a:solidFill>
            <a:srgbClr val="A1A1A1"/>
          </a:solidFill>
          <a:ln>
            <a:noFill/>
          </a:ln>
        </p:spPr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</a:pPr>
            <a:endParaRPr lang="en-US" sz="6000" b="0" i="0" baseline="0">
              <a:solidFill>
                <a:schemeClr val="bg1"/>
              </a:solidFill>
              <a:latin typeface="Ericsson Hilda Light" panose="00000400000000000000" pitchFamily="50" charset="0"/>
              <a:ea typeface="+mj-ea"/>
              <a:cs typeface="+mj-cs"/>
              <a:sym typeface="Ericsson Hilda Light" panose="00000400000000000000" pitchFamily="50" charset="0"/>
            </a:endParaRPr>
          </a:p>
        </p:txBody>
      </p:sp>
      <p:sp>
        <p:nvSpPr>
          <p:cNvPr id="22531" name="Title_TM"/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5" y="476250"/>
            <a:ext cx="8353426" cy="3457576"/>
          </a:xfrm>
        </p:spPr>
        <p:txBody>
          <a:bodyPr anchor="b"/>
          <a:lstStyle>
            <a:lvl1pPr>
              <a:lnSpc>
                <a:spcPct val="85000"/>
              </a:lnSpc>
              <a:defRPr sz="6000" b="0" kern="1400" spc="-160" baseline="0">
                <a:solidFill>
                  <a:schemeClr val="tx1"/>
                </a:solidFill>
                <a:latin typeface="+mj-lt"/>
                <a:ea typeface="+mj-ea"/>
                <a:cs typeface="+mj-cs"/>
                <a:sym typeface="Ericsson Hilda Light" panose="00000400000000000000" pitchFamily="50" charset="0"/>
              </a:defRPr>
            </a:lvl1pPr>
          </a:lstStyle>
          <a:p>
            <a:r>
              <a:rPr lang="en-US"/>
              <a:t>Presentation title,</a:t>
            </a:r>
            <a:br>
              <a:rPr lang="en-US"/>
            </a:br>
            <a:r>
              <a:rPr lang="en-US"/>
              <a:t>Ericsson Hilda Light 60pt,</a:t>
            </a:r>
            <a:br>
              <a:rPr lang="en-US"/>
            </a:br>
            <a:r>
              <a:rPr lang="en-US"/>
              <a:t>Ericsson Black,</a:t>
            </a:r>
            <a:br>
              <a:rPr lang="en-US"/>
            </a:br>
            <a:r>
              <a:rPr lang="en-US"/>
              <a:t>max 4-lines</a:t>
            </a:r>
          </a:p>
        </p:txBody>
      </p:sp>
      <p:sp>
        <p:nvSpPr>
          <p:cNvPr id="22530" name="SubTitle_TM"/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79425" y="4149725"/>
            <a:ext cx="5472114" cy="1249589"/>
          </a:xfrm>
          <a:prstGeom prst="rect">
            <a:avLst/>
          </a:prstGeom>
        </p:spPr>
        <p:txBody>
          <a:bodyPr lIns="0" anchor="t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tx1"/>
                </a:solidFill>
                <a:latin typeface="+mn-lt"/>
                <a:ea typeface="+mn-ea"/>
                <a:cs typeface="+mn-cs"/>
                <a:sym typeface="Ericsson Hilda" panose="00000500000000000000" pitchFamily="50" charset="0"/>
              </a:defRPr>
            </a:lvl1pPr>
          </a:lstStyle>
          <a:p>
            <a:r>
              <a:rPr lang="en-US"/>
              <a:t>Presentation description/subtitle</a:t>
            </a:r>
            <a:br>
              <a:rPr lang="en-US"/>
            </a:br>
            <a:r>
              <a:rPr lang="en-US"/>
              <a:t>Ericsson Hilda 20pt</a:t>
            </a:r>
          </a:p>
        </p:txBody>
      </p:sp>
      <p:sp>
        <p:nvSpPr>
          <p:cNvPr id="12" name="Content Placeholder 11"/>
          <p:cNvSpPr>
            <a:spLocks noGrp="1"/>
          </p:cNvSpPr>
          <p:nvPr>
            <p:ph sz="quarter" idx="11" hasCustomPrompt="1"/>
          </p:nvPr>
        </p:nvSpPr>
        <p:spPr>
          <a:xfrm>
            <a:off x="6671733" y="6237286"/>
            <a:ext cx="3479800" cy="2873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tIns="0" rIns="0" anchor="b"/>
          <a:lstStyle>
            <a:lvl1pPr marL="0" indent="0" algn="ctr">
              <a:buNone/>
              <a:defRPr lang="en-US" sz="1600" dirty="0">
                <a:latin typeface="+mn-lt"/>
                <a:ea typeface="+mn-ea"/>
                <a:cs typeface="+mn-cs"/>
                <a:sym typeface="Ericsson Hilda" panose="00000500000000000000" pitchFamily="50" charset="0"/>
              </a:defRPr>
            </a:lvl1pPr>
          </a:lstStyle>
          <a:p>
            <a:r>
              <a:rPr lang="en-US"/>
              <a:t>Organization</a:t>
            </a:r>
          </a:p>
        </p:txBody>
      </p:sp>
      <p:sp>
        <p:nvSpPr>
          <p:cNvPr id="15" name="Content Placeholder 11"/>
          <p:cNvSpPr>
            <a:spLocks noGrp="1"/>
          </p:cNvSpPr>
          <p:nvPr>
            <p:ph sz="quarter" idx="12" hasCustomPrompt="1"/>
          </p:nvPr>
        </p:nvSpPr>
        <p:spPr>
          <a:xfrm>
            <a:off x="10253133" y="6237287"/>
            <a:ext cx="1456321" cy="2873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tIns="0" rIns="0" anchor="b"/>
          <a:lstStyle>
            <a:lvl1pPr marL="0" indent="0" algn="r">
              <a:buNone/>
              <a:defRPr lang="en-US" sz="1600" dirty="0">
                <a:latin typeface="+mn-lt"/>
                <a:ea typeface="+mn-ea"/>
                <a:cs typeface="+mn-cs"/>
                <a:sym typeface="Ericsson Hilda" panose="00000500000000000000" pitchFamily="50" charset="0"/>
              </a:defRPr>
            </a:lvl1pPr>
          </a:lstStyle>
          <a:p>
            <a:pPr lvl="0"/>
            <a:r>
              <a:rPr lang="en-US"/>
              <a:t>YYYY-MM-DD</a:t>
            </a:r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47BE5E08-5EB6-4E17-8FB8-40199F9803E0}"/>
              </a:ext>
            </a:extLst>
          </p:cNvPr>
          <p:cNvPicPr>
            <a:picLocks noChangeAspect="1"/>
          </p:cNvPicPr>
          <p:nvPr userDrawn="1"/>
        </p:nvPicPr>
        <p:blipFill>
          <a:blip r:embed="rId6" cstate="screen">
            <a:duotone>
              <a:prstClr val="black"/>
              <a:srgbClr val="D9C3A5">
                <a:tint val="50000"/>
                <a:satMod val="180000"/>
              </a:srgbClr>
            </a:duotone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522514" y="476250"/>
            <a:ext cx="190061" cy="256032"/>
          </a:xfrm>
          <a:prstGeom prst="rect">
            <a:avLst/>
          </a:prstGeom>
          <a:ln>
            <a:noFill/>
          </a:ln>
        </p:spPr>
      </p:pic>
      <p:sp>
        <p:nvSpPr>
          <p:cNvPr id="9" name="Content Placeholder 11">
            <a:extLst>
              <a:ext uri="{FF2B5EF4-FFF2-40B4-BE49-F238E27FC236}">
                <a16:creationId xmlns:a16="http://schemas.microsoft.com/office/drawing/2014/main" id="{2368A70D-747D-424D-AB09-8AF9F3525E42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479425" y="6237286"/>
            <a:ext cx="4445000" cy="2873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tIns="0" rIns="0" anchor="b"/>
          <a:lstStyle>
            <a:lvl1pPr marL="0" indent="0" algn="l">
              <a:buNone/>
              <a:defRPr lang="en-US" sz="1600" dirty="0">
                <a:latin typeface="+mn-lt"/>
                <a:ea typeface="+mn-ea"/>
                <a:cs typeface="+mn-cs"/>
                <a:sym typeface="Ericsson Hilda" panose="00000500000000000000" pitchFamily="50" charset="0"/>
              </a:defRPr>
            </a:lvl1pPr>
          </a:lstStyle>
          <a:p>
            <a:r>
              <a:rPr lang="en-US"/>
              <a:t>Confidentiality / Disclaimer</a:t>
            </a:r>
          </a:p>
        </p:txBody>
      </p:sp>
    </p:spTree>
    <p:extLst>
      <p:ext uri="{BB962C8B-B14F-4D97-AF65-F5344CB8AC3E}">
        <p14:creationId xmlns:p14="http://schemas.microsoft.com/office/powerpoint/2010/main" val="3183878210"/>
      </p:ext>
    </p:extLst>
  </p:cSld>
  <p:clrMapOvr>
    <a:masterClrMapping/>
  </p:clrMapOvr>
  <p:hf sldNum="0" hdr="0" ftr="0"/>
  <p:extLst>
    <p:ext uri="{DCECCB84-F9BA-43D5-87BE-67443E8EF086}">
      <p15:sldGuideLst xmlns:p15="http://schemas.microsoft.com/office/powerpoint/2012/main"/>
    </p:ext>
  </p:extLst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0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2C87B7DD-83C6-409F-96FA-5864761AC595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240230331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270" imgH="270" progId="TCLayout.ActiveDocument.1">
                  <p:embed/>
                </p:oleObj>
              </mc:Choice>
              <mc:Fallback>
                <p:oleObj name="think-cell Slide" r:id="rId4" imgW="270" imgH="270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2C87B7DD-83C6-409F-96FA-5864761AC595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Rectangle 4" hidden="1">
            <a:extLst>
              <a:ext uri="{FF2B5EF4-FFF2-40B4-BE49-F238E27FC236}">
                <a16:creationId xmlns:a16="http://schemas.microsoft.com/office/drawing/2014/main" id="{F14BAE6F-72EF-4EFC-9748-FF23A50211C8}"/>
              </a:ext>
            </a:extLst>
          </p:cNvPr>
          <p:cNvSpPr/>
          <p:nvPr userDrawn="1">
            <p:custDataLst>
              <p:tags r:id="rId2"/>
            </p:custDataLst>
          </p:nvPr>
        </p:nvSpPr>
        <p:spPr bwMode="auto">
          <a:xfrm>
            <a:off x="0" y="0"/>
            <a:ext cx="158750" cy="158750"/>
          </a:xfrm>
          <a:prstGeom prst="rect">
            <a:avLst/>
          </a:prstGeom>
          <a:solidFill>
            <a:srgbClr val="A1A1A1"/>
          </a:solidFill>
          <a:ln>
            <a:noFill/>
          </a:ln>
        </p:spPr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</a:pPr>
            <a:endParaRPr lang="en-US" sz="3200" b="0" i="0" baseline="0">
              <a:solidFill>
                <a:schemeClr val="bg1"/>
              </a:solidFill>
              <a:latin typeface="Ericsson Hilda Light" panose="00000400000000000000" pitchFamily="50" charset="0"/>
              <a:ea typeface="+mj-ea"/>
              <a:cs typeface="+mj-cs"/>
              <a:sym typeface="Ericsson Hilda Light" panose="00000400000000000000" pitchFamily="50" charset="0"/>
            </a:endParaRP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291AC90A-E5DC-4F17-9A19-0764F46A522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035245399"/>
      </p:ext>
    </p:extLst>
  </p:cSld>
  <p:clrMapOvr>
    <a:masterClrMapping/>
  </p:clrMapOvr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Title and 1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BFF6A931-A898-408C-932E-47C14DDBC003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1233789041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270" imgH="270" progId="TCLayout.ActiveDocument.1">
                  <p:embed/>
                </p:oleObj>
              </mc:Choice>
              <mc:Fallback>
                <p:oleObj name="think-cell Slide" r:id="rId4" imgW="270" imgH="270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BFF6A931-A898-408C-932E-47C14DDBC003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Rectangle 5" hidden="1">
            <a:extLst>
              <a:ext uri="{FF2B5EF4-FFF2-40B4-BE49-F238E27FC236}">
                <a16:creationId xmlns:a16="http://schemas.microsoft.com/office/drawing/2014/main" id="{8A704E47-1A71-4997-B55B-E0E91DB0059E}"/>
              </a:ext>
            </a:extLst>
          </p:cNvPr>
          <p:cNvSpPr/>
          <p:nvPr userDrawn="1">
            <p:custDataLst>
              <p:tags r:id="rId2"/>
            </p:custDataLst>
          </p:nvPr>
        </p:nvSpPr>
        <p:spPr bwMode="auto">
          <a:xfrm>
            <a:off x="0" y="0"/>
            <a:ext cx="158750" cy="158750"/>
          </a:xfrm>
          <a:prstGeom prst="rect">
            <a:avLst/>
          </a:prstGeom>
          <a:solidFill>
            <a:srgbClr val="A1A1A1"/>
          </a:solidFill>
          <a:ln>
            <a:noFill/>
          </a:ln>
        </p:spPr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</a:pPr>
            <a:endParaRPr lang="en-US" sz="3200" b="0" i="0" baseline="0">
              <a:solidFill>
                <a:schemeClr val="bg1"/>
              </a:solidFill>
              <a:latin typeface="Ericsson Hilda Light" panose="00000400000000000000" pitchFamily="50" charset="0"/>
              <a:ea typeface="+mj-ea"/>
              <a:cs typeface="+mj-cs"/>
              <a:sym typeface="Ericsson Hilda Light" panose="00000400000000000000" pitchFamily="50" charset="0"/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10CFEFC-6AC8-4817-A0D3-6029D48BD293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79425" y="1844675"/>
            <a:ext cx="11233150" cy="892552"/>
          </a:xfrm>
          <a:prstGeom prst="rect">
            <a:avLst/>
          </a:prstGeom>
        </p:spPr>
        <p:txBody>
          <a:bodyPr>
            <a:noAutofit/>
          </a:bodyPr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/>
            </a:lvl4pPr>
            <a:lvl5pPr>
              <a:defRPr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C53C49B2-6D12-4F88-9218-C66DDED3DBD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725044952"/>
      </p:ext>
    </p:extLst>
  </p:cSld>
  <p:clrMapOvr>
    <a:masterClrMapping/>
  </p:clrMapOvr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and 1 smaller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310ACA97-4ED5-4F20-9D65-2327DE647652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2693566289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270" imgH="270" progId="TCLayout.ActiveDocument.1">
                  <p:embed/>
                </p:oleObj>
              </mc:Choice>
              <mc:Fallback>
                <p:oleObj name="think-cell Slide" r:id="rId4" imgW="270" imgH="270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310ACA97-4ED5-4F20-9D65-2327DE64765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Rectangle 5" hidden="1">
            <a:extLst>
              <a:ext uri="{FF2B5EF4-FFF2-40B4-BE49-F238E27FC236}">
                <a16:creationId xmlns:a16="http://schemas.microsoft.com/office/drawing/2014/main" id="{20BB62F3-B838-4286-BD57-8E1E6683804A}"/>
              </a:ext>
            </a:extLst>
          </p:cNvPr>
          <p:cNvSpPr/>
          <p:nvPr userDrawn="1">
            <p:custDataLst>
              <p:tags r:id="rId2"/>
            </p:custDataLst>
          </p:nvPr>
        </p:nvSpPr>
        <p:spPr bwMode="auto">
          <a:xfrm>
            <a:off x="0" y="0"/>
            <a:ext cx="158750" cy="158750"/>
          </a:xfrm>
          <a:prstGeom prst="rect">
            <a:avLst/>
          </a:prstGeom>
          <a:solidFill>
            <a:srgbClr val="A1A1A1"/>
          </a:solidFill>
          <a:ln>
            <a:noFill/>
          </a:ln>
        </p:spPr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</a:pPr>
            <a:endParaRPr lang="en-US" sz="3200" b="0" i="0" baseline="0">
              <a:solidFill>
                <a:schemeClr val="bg1"/>
              </a:solidFill>
              <a:latin typeface="Ericsson Hilda Light" panose="00000400000000000000" pitchFamily="50" charset="0"/>
              <a:ea typeface="+mj-ea"/>
              <a:cs typeface="+mj-cs"/>
              <a:sym typeface="Ericsson Hilda Light" panose="00000400000000000000" pitchFamily="50" charset="0"/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10CFEFC-6AC8-4817-A0D3-6029D48BD293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79425" y="1844675"/>
            <a:ext cx="8353426" cy="892552"/>
          </a:xfrm>
          <a:prstGeom prst="rect">
            <a:avLst/>
          </a:prstGeom>
        </p:spPr>
        <p:txBody>
          <a:bodyPr>
            <a:noAutofit/>
          </a:bodyPr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/>
            </a:lvl4pPr>
            <a:lvl5pPr>
              <a:defRPr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E26144E3-12A3-44AA-973E-59ECFD1D12C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640289128"/>
      </p:ext>
    </p:extLst>
  </p:cSld>
  <p:clrMapOvr>
    <a:masterClrMapping/>
  </p:clrMapOvr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title, right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94316E4E-A648-43CC-986C-6EFF5FDB2E1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237884972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270" imgH="270" progId="TCLayout.ActiveDocument.1">
                  <p:embed/>
                </p:oleObj>
              </mc:Choice>
              <mc:Fallback>
                <p:oleObj name="think-cell Slide" r:id="rId4" imgW="270" imgH="270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94316E4E-A648-43CC-986C-6EFF5FDB2E1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Rectangle 5" hidden="1">
            <a:extLst>
              <a:ext uri="{FF2B5EF4-FFF2-40B4-BE49-F238E27FC236}">
                <a16:creationId xmlns:a16="http://schemas.microsoft.com/office/drawing/2014/main" id="{1159292E-7912-42FC-86E6-F176F46B0749}"/>
              </a:ext>
            </a:extLst>
          </p:cNvPr>
          <p:cNvSpPr/>
          <p:nvPr userDrawn="1">
            <p:custDataLst>
              <p:tags r:id="rId2"/>
            </p:custDataLst>
          </p:nvPr>
        </p:nvSpPr>
        <p:spPr bwMode="auto">
          <a:xfrm>
            <a:off x="0" y="0"/>
            <a:ext cx="158750" cy="158750"/>
          </a:xfrm>
          <a:prstGeom prst="rect">
            <a:avLst/>
          </a:prstGeom>
          <a:solidFill>
            <a:srgbClr val="A1A1A1"/>
          </a:solidFill>
          <a:ln>
            <a:noFill/>
          </a:ln>
        </p:spPr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</a:pPr>
            <a:endParaRPr lang="en-US" sz="3200" b="0" i="0" baseline="0">
              <a:solidFill>
                <a:schemeClr val="bg1"/>
              </a:solidFill>
              <a:latin typeface="Ericsson Hilda Light" panose="00000400000000000000" pitchFamily="50" charset="0"/>
              <a:ea typeface="+mj-ea"/>
              <a:cs typeface="+mj-cs"/>
              <a:sym typeface="Ericsson Hilda Light" panose="00000400000000000000" pitchFamily="50" charset="0"/>
            </a:endParaRPr>
          </a:p>
        </p:txBody>
      </p:sp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479425" y="1844675"/>
            <a:ext cx="5472113" cy="892552"/>
          </a:xfrm>
          <a:prstGeom prst="rect">
            <a:avLst/>
          </a:prstGeom>
        </p:spPr>
        <p:txBody>
          <a:bodyPr lIns="0">
            <a:noAutofit/>
          </a:bodyPr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/>
            </a:lvl4pPr>
            <a:lvl5pPr>
              <a:defRPr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3C7B6BE3-6821-4C87-80E0-3E9A1EE46E0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744441111"/>
      </p:ext>
    </p:extLst>
  </p:cSld>
  <p:clrMapOvr>
    <a:masterClrMapping/>
  </p:clrMapOvr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and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BD25A962-D763-42D6-AED4-E8E7D05BC186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764677551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270" imgH="270" progId="TCLayout.ActiveDocument.1">
                  <p:embed/>
                </p:oleObj>
              </mc:Choice>
              <mc:Fallback>
                <p:oleObj name="think-cell Slide" r:id="rId4" imgW="270" imgH="270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BD25A962-D763-42D6-AED4-E8E7D05BC186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Rectangle 1" hidden="1">
            <a:extLst>
              <a:ext uri="{FF2B5EF4-FFF2-40B4-BE49-F238E27FC236}">
                <a16:creationId xmlns:a16="http://schemas.microsoft.com/office/drawing/2014/main" id="{98B4381F-8F1F-41C9-B41A-78B236C98A9E}"/>
              </a:ext>
            </a:extLst>
          </p:cNvPr>
          <p:cNvSpPr/>
          <p:nvPr userDrawn="1">
            <p:custDataLst>
              <p:tags r:id="rId2"/>
            </p:custDataLst>
          </p:nvPr>
        </p:nvSpPr>
        <p:spPr bwMode="auto">
          <a:xfrm>
            <a:off x="0" y="0"/>
            <a:ext cx="158750" cy="158750"/>
          </a:xfrm>
          <a:prstGeom prst="rect">
            <a:avLst/>
          </a:prstGeom>
          <a:solidFill>
            <a:srgbClr val="A1A1A1"/>
          </a:solidFill>
          <a:ln>
            <a:noFill/>
          </a:ln>
        </p:spPr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</a:pPr>
            <a:endParaRPr lang="en-US" sz="3200" b="0" i="0" baseline="0">
              <a:solidFill>
                <a:schemeClr val="bg1"/>
              </a:solidFill>
              <a:latin typeface="Ericsson Hilda Light" panose="00000400000000000000" pitchFamily="50" charset="0"/>
              <a:ea typeface="+mj-ea"/>
              <a:cs typeface="+mj-cs"/>
              <a:sym typeface="Ericsson Hilda Light" panose="00000400000000000000" pitchFamily="50" charset="0"/>
            </a:endParaRPr>
          </a:p>
        </p:txBody>
      </p:sp>
      <p:sp>
        <p:nvSpPr>
          <p:cNvPr id="5" name="Content Placeholder 3"/>
          <p:cNvSpPr>
            <a:spLocks noGrp="1"/>
          </p:cNvSpPr>
          <p:nvPr>
            <p:ph sz="quarter" idx="3" hasCustomPrompt="1"/>
          </p:nvPr>
        </p:nvSpPr>
        <p:spPr>
          <a:xfrm>
            <a:off x="6240463" y="1844674"/>
            <a:ext cx="5472112" cy="892552"/>
          </a:xfrm>
          <a:prstGeom prst="rect">
            <a:avLst/>
          </a:prstGeom>
        </p:spPr>
        <p:txBody>
          <a:bodyPr lIns="0">
            <a:noAutofit/>
          </a:bodyPr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/>
            </a:lvl4pPr>
            <a:lvl5pPr>
              <a:defRPr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3" name="Content Placeholder 1"/>
          <p:cNvSpPr>
            <a:spLocks noGrp="1"/>
          </p:cNvSpPr>
          <p:nvPr>
            <p:ph sz="half" idx="1" hasCustomPrompt="1"/>
          </p:nvPr>
        </p:nvSpPr>
        <p:spPr>
          <a:xfrm>
            <a:off x="479425" y="1844675"/>
            <a:ext cx="5472113" cy="892552"/>
          </a:xfrm>
          <a:prstGeom prst="rect">
            <a:avLst/>
          </a:prstGeom>
        </p:spPr>
        <p:txBody>
          <a:bodyPr lIns="0">
            <a:noAutofit/>
          </a:bodyPr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/>
            </a:lvl4pPr>
            <a:lvl5pPr>
              <a:defRPr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6" name="Title 5">
            <a:extLst>
              <a:ext uri="{FF2B5EF4-FFF2-40B4-BE49-F238E27FC236}">
                <a16:creationId xmlns:a16="http://schemas.microsoft.com/office/drawing/2014/main" id="{F64989DD-68A0-42A0-808F-DF89DB2A006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2721344469"/>
      </p:ext>
    </p:extLst>
  </p:cSld>
  <p:clrMapOvr>
    <a:masterClrMapping/>
  </p:clrMapOvr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Title and 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2608990D-82E1-4E41-B171-7AF948E17D4F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10896822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270" imgH="270" progId="TCLayout.ActiveDocument.1">
                  <p:embed/>
                </p:oleObj>
              </mc:Choice>
              <mc:Fallback>
                <p:oleObj name="think-cell Slide" r:id="rId4" imgW="270" imgH="270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2608990D-82E1-4E41-B171-7AF948E17D4F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Rectangle 1" hidden="1">
            <a:extLst>
              <a:ext uri="{FF2B5EF4-FFF2-40B4-BE49-F238E27FC236}">
                <a16:creationId xmlns:a16="http://schemas.microsoft.com/office/drawing/2014/main" id="{98C3540C-1C08-4BA2-B647-AF3E5424468E}"/>
              </a:ext>
            </a:extLst>
          </p:cNvPr>
          <p:cNvSpPr/>
          <p:nvPr userDrawn="1">
            <p:custDataLst>
              <p:tags r:id="rId2"/>
            </p:custDataLst>
          </p:nvPr>
        </p:nvSpPr>
        <p:spPr bwMode="auto">
          <a:xfrm>
            <a:off x="0" y="0"/>
            <a:ext cx="158750" cy="158750"/>
          </a:xfrm>
          <a:prstGeom prst="rect">
            <a:avLst/>
          </a:prstGeom>
          <a:solidFill>
            <a:srgbClr val="A1A1A1"/>
          </a:solidFill>
          <a:ln>
            <a:noFill/>
          </a:ln>
        </p:spPr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</a:pPr>
            <a:endParaRPr lang="en-US" sz="3200" b="0" i="0" baseline="0">
              <a:solidFill>
                <a:schemeClr val="bg1"/>
              </a:solidFill>
              <a:latin typeface="Ericsson Hilda Light" panose="00000400000000000000" pitchFamily="50" charset="0"/>
              <a:ea typeface="+mj-ea"/>
              <a:cs typeface="+mj-cs"/>
              <a:sym typeface="Ericsson Hilda Light" panose="00000400000000000000" pitchFamily="50" charset="0"/>
            </a:endParaRPr>
          </a:p>
        </p:txBody>
      </p:sp>
      <p:sp>
        <p:nvSpPr>
          <p:cNvPr id="8" name="Content Placeholder 3"/>
          <p:cNvSpPr>
            <a:spLocks noGrp="1"/>
          </p:cNvSpPr>
          <p:nvPr>
            <p:ph sz="quarter" idx="12" hasCustomPrompt="1"/>
          </p:nvPr>
        </p:nvSpPr>
        <p:spPr>
          <a:xfrm>
            <a:off x="8184575" y="1844675"/>
            <a:ext cx="3528000" cy="4392613"/>
          </a:xfrm>
          <a:prstGeom prst="rect">
            <a:avLst/>
          </a:prstGeom>
        </p:spPr>
        <p:txBody>
          <a:bodyPr lIns="0"/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/>
            </a:lvl4pPr>
            <a:lvl5pPr>
              <a:defRPr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6" name="Content Placeholder 2"/>
          <p:cNvSpPr>
            <a:spLocks noGrp="1"/>
          </p:cNvSpPr>
          <p:nvPr>
            <p:ph sz="quarter" idx="11" hasCustomPrompt="1"/>
          </p:nvPr>
        </p:nvSpPr>
        <p:spPr>
          <a:xfrm>
            <a:off x="4332000" y="1844673"/>
            <a:ext cx="3528000" cy="4392613"/>
          </a:xfrm>
          <a:prstGeom prst="rect">
            <a:avLst/>
          </a:prstGeom>
        </p:spPr>
        <p:txBody>
          <a:bodyPr lIns="0"/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/>
            </a:lvl4pPr>
            <a:lvl5pPr>
              <a:defRPr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7" name="Content Placeholder 1">
            <a:extLst>
              <a:ext uri="{FF2B5EF4-FFF2-40B4-BE49-F238E27FC236}">
                <a16:creationId xmlns:a16="http://schemas.microsoft.com/office/drawing/2014/main" id="{8E3794F8-471D-4987-945F-3C29BB03AB49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479425" y="1844674"/>
            <a:ext cx="3528000" cy="4392613"/>
          </a:xfrm>
          <a:prstGeom prst="rect">
            <a:avLst/>
          </a:prstGeom>
        </p:spPr>
        <p:txBody>
          <a:bodyPr lIns="0"/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/>
            </a:lvl4pPr>
            <a:lvl5pPr>
              <a:defRPr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CAE470C4-BC99-4366-A6EB-922B91C2E66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57867753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1 smaller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_SM">
            <a:extLst>
              <a:ext uri="{FF2B5EF4-FFF2-40B4-BE49-F238E27FC236}">
                <a16:creationId xmlns:a16="http://schemas.microsoft.com/office/drawing/2014/main" id="{3F4EF873-DC0F-4698-BEC2-502DB043AA5C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Use this layout for presentations using short and crisp headings</a:t>
            </a:r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784F54AF-EED6-486A-9ACA-42061F4AAE9A}"/>
              </a:ext>
            </a:extLst>
          </p:cNvPr>
          <p:cNvSpPr>
            <a:spLocks noGrp="1"/>
          </p:cNvSpPr>
          <p:nvPr>
            <p:ph sz="quarter" idx="11" hasCustomPrompt="1"/>
          </p:nvPr>
        </p:nvSpPr>
        <p:spPr>
          <a:xfrm>
            <a:off x="479425" y="1844675"/>
            <a:ext cx="8353426" cy="4392612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</p:spTree>
    <p:extLst>
      <p:ext uri="{BB962C8B-B14F-4D97-AF65-F5344CB8AC3E}">
        <p14:creationId xmlns:p14="http://schemas.microsoft.com/office/powerpoint/2010/main" val="3607999529"/>
      </p:ext>
    </p:extLst>
  </p:cSld>
  <p:clrMapOvr>
    <a:masterClrMapping/>
  </p:clrMapOvr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and 4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9C42C8A1-3B66-4AF0-A374-8FBEE29DB286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1360439291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270" imgH="270" progId="TCLayout.ActiveDocument.1">
                  <p:embed/>
                </p:oleObj>
              </mc:Choice>
              <mc:Fallback>
                <p:oleObj name="think-cell Slide" r:id="rId4" imgW="270" imgH="270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9C42C8A1-3B66-4AF0-A374-8FBEE29DB286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Rectangle 1" hidden="1">
            <a:extLst>
              <a:ext uri="{FF2B5EF4-FFF2-40B4-BE49-F238E27FC236}">
                <a16:creationId xmlns:a16="http://schemas.microsoft.com/office/drawing/2014/main" id="{7F324888-C26B-4D9D-8EA4-30D85CB145AF}"/>
              </a:ext>
            </a:extLst>
          </p:cNvPr>
          <p:cNvSpPr/>
          <p:nvPr userDrawn="1">
            <p:custDataLst>
              <p:tags r:id="rId2"/>
            </p:custDataLst>
          </p:nvPr>
        </p:nvSpPr>
        <p:spPr bwMode="auto">
          <a:xfrm>
            <a:off x="0" y="0"/>
            <a:ext cx="158750" cy="158750"/>
          </a:xfrm>
          <a:prstGeom prst="rect">
            <a:avLst/>
          </a:prstGeom>
          <a:solidFill>
            <a:srgbClr val="A1A1A1"/>
          </a:solidFill>
          <a:ln>
            <a:noFill/>
          </a:ln>
        </p:spPr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</a:pPr>
            <a:endParaRPr lang="en-US" sz="3200" b="0" i="0" baseline="0">
              <a:solidFill>
                <a:schemeClr val="bg1"/>
              </a:solidFill>
              <a:latin typeface="Ericsson Hilda Light" panose="00000400000000000000" pitchFamily="50" charset="0"/>
              <a:ea typeface="+mj-ea"/>
              <a:cs typeface="+mj-cs"/>
              <a:sym typeface="Ericsson Hilda Light" panose="00000400000000000000" pitchFamily="50" charset="0"/>
            </a:endParaRPr>
          </a:p>
        </p:txBody>
      </p:sp>
      <p:sp>
        <p:nvSpPr>
          <p:cNvPr id="8" name="Content Placeholder 3"/>
          <p:cNvSpPr>
            <a:spLocks noGrp="1"/>
          </p:cNvSpPr>
          <p:nvPr>
            <p:ph sz="quarter" idx="12" hasCustomPrompt="1"/>
          </p:nvPr>
        </p:nvSpPr>
        <p:spPr>
          <a:xfrm>
            <a:off x="6240463" y="1844674"/>
            <a:ext cx="2592388" cy="4392614"/>
          </a:xfrm>
          <a:prstGeom prst="rect">
            <a:avLst/>
          </a:prstGeom>
        </p:spPr>
        <p:txBody>
          <a:bodyPr lIns="0"/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/>
            </a:lvl4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6" name="Content Placeholder 2"/>
          <p:cNvSpPr>
            <a:spLocks noGrp="1"/>
          </p:cNvSpPr>
          <p:nvPr>
            <p:ph sz="quarter" idx="11" hasCustomPrompt="1"/>
          </p:nvPr>
        </p:nvSpPr>
        <p:spPr>
          <a:xfrm>
            <a:off x="3359149" y="1844674"/>
            <a:ext cx="2592389" cy="4392613"/>
          </a:xfrm>
          <a:prstGeom prst="rect">
            <a:avLst/>
          </a:prstGeom>
        </p:spPr>
        <p:txBody>
          <a:bodyPr lIns="0"/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/>
            </a:lvl4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479425" y="1844674"/>
            <a:ext cx="2592388" cy="4392613"/>
          </a:xfrm>
          <a:prstGeom prst="rect">
            <a:avLst/>
          </a:prstGeom>
        </p:spPr>
        <p:txBody>
          <a:bodyPr lIns="0"/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/>
            </a:lvl4pPr>
            <a:lvl5pPr>
              <a:defRPr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9" name="Content Placeholder 3"/>
          <p:cNvSpPr>
            <a:spLocks noGrp="1"/>
          </p:cNvSpPr>
          <p:nvPr>
            <p:ph sz="quarter" idx="13" hasCustomPrompt="1"/>
          </p:nvPr>
        </p:nvSpPr>
        <p:spPr>
          <a:xfrm>
            <a:off x="9120188" y="1844674"/>
            <a:ext cx="2592387" cy="4392613"/>
          </a:xfrm>
          <a:prstGeom prst="rect">
            <a:avLst/>
          </a:prstGeom>
        </p:spPr>
        <p:txBody>
          <a:bodyPr lIns="0"/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/>
            </a:lvl4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A7C1F51F-740C-4E2B-864E-954F8B3872A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242823822"/>
      </p:ext>
    </p:extLst>
  </p:cSld>
  <p:clrMapOvr>
    <a:masterClrMapping/>
  </p:clrMapOvr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Title and 8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Object 6" hidden="1">
            <a:extLst>
              <a:ext uri="{FF2B5EF4-FFF2-40B4-BE49-F238E27FC236}">
                <a16:creationId xmlns:a16="http://schemas.microsoft.com/office/drawing/2014/main" id="{0EE6AA75-B795-481B-8198-755C335F2463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110623705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270" imgH="270" progId="TCLayout.ActiveDocument.1">
                  <p:embed/>
                </p:oleObj>
              </mc:Choice>
              <mc:Fallback>
                <p:oleObj name="think-cell Slide" r:id="rId4" imgW="270" imgH="270" progId="TCLayout.ActiveDocument.1">
                  <p:embed/>
                  <p:pic>
                    <p:nvPicPr>
                      <p:cNvPr id="7" name="Object 6" hidden="1">
                        <a:extLst>
                          <a:ext uri="{FF2B5EF4-FFF2-40B4-BE49-F238E27FC236}">
                            <a16:creationId xmlns:a16="http://schemas.microsoft.com/office/drawing/2014/main" id="{0EE6AA75-B795-481B-8198-755C335F2463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Rectangle 1" hidden="1">
            <a:extLst>
              <a:ext uri="{FF2B5EF4-FFF2-40B4-BE49-F238E27FC236}">
                <a16:creationId xmlns:a16="http://schemas.microsoft.com/office/drawing/2014/main" id="{E8202898-C43D-4909-93F4-6D87AE05B21D}"/>
              </a:ext>
            </a:extLst>
          </p:cNvPr>
          <p:cNvSpPr/>
          <p:nvPr userDrawn="1">
            <p:custDataLst>
              <p:tags r:id="rId2"/>
            </p:custDataLst>
          </p:nvPr>
        </p:nvSpPr>
        <p:spPr bwMode="auto">
          <a:xfrm>
            <a:off x="0" y="0"/>
            <a:ext cx="158750" cy="158750"/>
          </a:xfrm>
          <a:prstGeom prst="rect">
            <a:avLst/>
          </a:prstGeom>
          <a:solidFill>
            <a:srgbClr val="A1A1A1"/>
          </a:solidFill>
          <a:ln>
            <a:noFill/>
          </a:ln>
        </p:spPr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</a:pPr>
            <a:endParaRPr lang="en-US" sz="3200" b="0" i="0" baseline="0">
              <a:solidFill>
                <a:schemeClr val="bg1"/>
              </a:solidFill>
              <a:latin typeface="Ericsson Hilda Light" panose="00000400000000000000" pitchFamily="50" charset="0"/>
              <a:ea typeface="+mj-ea"/>
              <a:cs typeface="+mj-cs"/>
              <a:sym typeface="Ericsson Hilda Light" panose="00000400000000000000" pitchFamily="50" charset="0"/>
            </a:endParaRPr>
          </a:p>
        </p:txBody>
      </p:sp>
      <p:sp>
        <p:nvSpPr>
          <p:cNvPr id="6" name="Content Placeholder 4"/>
          <p:cNvSpPr>
            <a:spLocks noGrp="1"/>
          </p:cNvSpPr>
          <p:nvPr>
            <p:ph sz="quarter" idx="4" hasCustomPrompt="1"/>
          </p:nvPr>
        </p:nvSpPr>
        <p:spPr>
          <a:xfrm>
            <a:off x="6240463" y="4150995"/>
            <a:ext cx="2592387" cy="2086292"/>
          </a:xfrm>
          <a:prstGeom prst="rect">
            <a:avLst/>
          </a:prstGeom>
        </p:spPr>
        <p:txBody>
          <a:bodyPr lIns="0" tIns="0"/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 sz="2000"/>
            </a:lvl4pPr>
            <a:lvl5pPr marL="1028700" indent="0">
              <a:buNone/>
              <a:defRPr sz="2000"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5" name="Content Placeholder 3"/>
          <p:cNvSpPr>
            <a:spLocks noGrp="1"/>
          </p:cNvSpPr>
          <p:nvPr>
            <p:ph sz="quarter" idx="3" hasCustomPrompt="1"/>
          </p:nvPr>
        </p:nvSpPr>
        <p:spPr>
          <a:xfrm>
            <a:off x="479424" y="4149724"/>
            <a:ext cx="2592389" cy="2087563"/>
          </a:xfrm>
          <a:prstGeom prst="rect">
            <a:avLst/>
          </a:prstGeom>
        </p:spPr>
        <p:txBody>
          <a:bodyPr lIns="0" tIns="0"/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 sz="2000"/>
            </a:lvl4pPr>
            <a:lvl5pPr>
              <a:defRPr sz="2000"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4" name="Content Placeholder 2"/>
          <p:cNvSpPr>
            <a:spLocks noGrp="1"/>
          </p:cNvSpPr>
          <p:nvPr>
            <p:ph sz="quarter" idx="2" hasCustomPrompt="1"/>
          </p:nvPr>
        </p:nvSpPr>
        <p:spPr>
          <a:xfrm>
            <a:off x="6240463" y="1844675"/>
            <a:ext cx="2592387" cy="2089150"/>
          </a:xfrm>
          <a:prstGeom prst="rect">
            <a:avLst/>
          </a:prstGeom>
        </p:spPr>
        <p:txBody>
          <a:bodyPr lIns="0" tIns="0"/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 sz="2000"/>
            </a:lvl4pPr>
            <a:lvl5pPr>
              <a:defRPr sz="2000"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3" name="Content Placeholder 1"/>
          <p:cNvSpPr>
            <a:spLocks noGrp="1"/>
          </p:cNvSpPr>
          <p:nvPr>
            <p:ph sz="quarter" idx="1" hasCustomPrompt="1"/>
          </p:nvPr>
        </p:nvSpPr>
        <p:spPr>
          <a:xfrm>
            <a:off x="479424" y="1844675"/>
            <a:ext cx="2592389" cy="2089150"/>
          </a:xfrm>
          <a:prstGeom prst="rect">
            <a:avLst/>
          </a:prstGeom>
        </p:spPr>
        <p:txBody>
          <a:bodyPr lIns="0" tIns="0"/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 sz="2000"/>
            </a:lvl4pPr>
            <a:lvl5pPr>
              <a:defRPr sz="2000"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8" name="Content Placeholder 3"/>
          <p:cNvSpPr>
            <a:spLocks noGrp="1"/>
          </p:cNvSpPr>
          <p:nvPr>
            <p:ph sz="quarter" idx="10" hasCustomPrompt="1"/>
          </p:nvPr>
        </p:nvSpPr>
        <p:spPr>
          <a:xfrm>
            <a:off x="3359151" y="4149724"/>
            <a:ext cx="2592387" cy="2087563"/>
          </a:xfrm>
          <a:prstGeom prst="rect">
            <a:avLst/>
          </a:prstGeom>
        </p:spPr>
        <p:txBody>
          <a:bodyPr lIns="0" tIns="0"/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 sz="2000"/>
            </a:lvl4pPr>
            <a:lvl5pPr>
              <a:defRPr sz="2000"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9" name="Content Placeholder 1"/>
          <p:cNvSpPr>
            <a:spLocks noGrp="1"/>
          </p:cNvSpPr>
          <p:nvPr>
            <p:ph sz="quarter" idx="11" hasCustomPrompt="1"/>
          </p:nvPr>
        </p:nvSpPr>
        <p:spPr>
          <a:xfrm>
            <a:off x="3359151" y="1844675"/>
            <a:ext cx="2592388" cy="2089150"/>
          </a:xfrm>
          <a:prstGeom prst="rect">
            <a:avLst/>
          </a:prstGeom>
        </p:spPr>
        <p:txBody>
          <a:bodyPr lIns="0" tIns="0"/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 sz="2000"/>
            </a:lvl4pPr>
            <a:lvl5pPr>
              <a:defRPr sz="2000"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10" name="Content Placeholder 4"/>
          <p:cNvSpPr>
            <a:spLocks noGrp="1"/>
          </p:cNvSpPr>
          <p:nvPr>
            <p:ph sz="quarter" idx="12" hasCustomPrompt="1"/>
          </p:nvPr>
        </p:nvSpPr>
        <p:spPr>
          <a:xfrm>
            <a:off x="9120188" y="4149725"/>
            <a:ext cx="2592387" cy="2087562"/>
          </a:xfrm>
          <a:prstGeom prst="rect">
            <a:avLst/>
          </a:prstGeom>
        </p:spPr>
        <p:txBody>
          <a:bodyPr lIns="0" tIns="0"/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 sz="2000"/>
            </a:lvl4pPr>
            <a:lvl5pPr>
              <a:defRPr sz="2000"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11" name="Content Placeholder 2"/>
          <p:cNvSpPr>
            <a:spLocks noGrp="1"/>
          </p:cNvSpPr>
          <p:nvPr>
            <p:ph sz="quarter" idx="13" hasCustomPrompt="1"/>
          </p:nvPr>
        </p:nvSpPr>
        <p:spPr>
          <a:xfrm>
            <a:off x="9120188" y="1844674"/>
            <a:ext cx="2592387" cy="2089151"/>
          </a:xfrm>
          <a:prstGeom prst="rect">
            <a:avLst/>
          </a:prstGeom>
        </p:spPr>
        <p:txBody>
          <a:bodyPr lIns="0" tIns="0"/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 sz="2000"/>
            </a:lvl4pPr>
            <a:lvl5pPr>
              <a:defRPr sz="2000"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13" name="Title 12">
            <a:extLst>
              <a:ext uri="{FF2B5EF4-FFF2-40B4-BE49-F238E27FC236}">
                <a16:creationId xmlns:a16="http://schemas.microsoft.com/office/drawing/2014/main" id="{B9A935C2-BF59-4A9B-8AFC-553DEC3EE83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2467590464"/>
      </p:ext>
    </p:extLst>
  </p:cSld>
  <p:clrMapOvr>
    <a:masterClrMapping/>
  </p:clrMapOvr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_Title and 1 smaller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10CFEFC-6AC8-4817-A0D3-6029D48BD293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79425" y="1844675"/>
            <a:ext cx="8353426" cy="4392612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1"/>
            <a:r>
              <a:rPr lang="en-US"/>
              <a:t>First level</a:t>
            </a:r>
          </a:p>
          <a:p>
            <a:pPr lvl="2"/>
            <a:r>
              <a:rPr lang="en-US"/>
              <a:t>Second level</a:t>
            </a:r>
          </a:p>
          <a:p>
            <a:pPr lvl="3"/>
            <a:r>
              <a:rPr lang="en-US"/>
              <a:t>Third level</a:t>
            </a:r>
          </a:p>
          <a:p>
            <a:pPr lvl="4"/>
            <a:r>
              <a:rPr lang="en-US"/>
              <a:t>Fourth level</a:t>
            </a:r>
          </a:p>
        </p:txBody>
      </p:sp>
    </p:spTree>
    <p:extLst>
      <p:ext uri="{BB962C8B-B14F-4D97-AF65-F5344CB8AC3E}">
        <p14:creationId xmlns:p14="http://schemas.microsoft.com/office/powerpoint/2010/main" val="2362271198"/>
      </p:ext>
    </p:extLst>
  </p:cSld>
  <p:clrMapOvr>
    <a:masterClrMapping/>
  </p:clrMapOvr>
</p:sldLayout>
</file>

<file path=ppt/slideLayouts/slideLayout6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4_Title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CDD189A1-8D41-484C-A514-407C547DCE93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799144245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411" imgH="412" progId="TCLayout.ActiveDocument.1">
                  <p:embed/>
                </p:oleObj>
              </mc:Choice>
              <mc:Fallback>
                <p:oleObj name="think-cell Slide" r:id="rId3" imgW="411" imgH="412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CDD189A1-8D41-484C-A514-407C547DCE93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2531" name="Title_TM"/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5" y="476250"/>
            <a:ext cx="8353426" cy="3457576"/>
          </a:xfrm>
          <a:prstGeom prst="rect">
            <a:avLst/>
          </a:prstGeom>
        </p:spPr>
        <p:txBody>
          <a:bodyPr vert="horz"/>
          <a:lstStyle>
            <a:lvl1pPr>
              <a:lnSpc>
                <a:spcPct val="85000"/>
              </a:lnSpc>
              <a:defRPr sz="8000" b="0" kern="1400" spc="-160" baseline="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/>
              <a:t>Title/cover page,   Ericsson Hilda Light 80pt, max 3-lines</a:t>
            </a:r>
          </a:p>
        </p:txBody>
      </p:sp>
      <p:sp>
        <p:nvSpPr>
          <p:cNvPr id="22530" name="SubTitle_TM"/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79425" y="4149725"/>
            <a:ext cx="5472114" cy="2087563"/>
          </a:xfrm>
          <a:prstGeom prst="rect">
            <a:avLst/>
          </a:prstGeom>
        </p:spPr>
        <p:txBody>
          <a:bodyPr lIns="72000" anchor="t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/>
              <a:t>Description/subtitle/speaker…</a:t>
            </a:r>
            <a:br>
              <a:rPr lang="en-US"/>
            </a:br>
            <a:r>
              <a:rPr lang="en-US"/>
              <a:t>Ericsson Hilda Black 20p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quarter" idx="10" hasCustomPrompt="1"/>
          </p:nvPr>
        </p:nvSpPr>
        <p:spPr>
          <a:xfrm>
            <a:off x="6240463" y="6264000"/>
            <a:ext cx="1910479" cy="262800"/>
          </a:xfrm>
          <a:prstGeom prst="rect">
            <a:avLst/>
          </a:prstGeom>
        </p:spPr>
        <p:txBody>
          <a:bodyPr wrap="none" tIns="0" bIns="0" anchor="ctr" anchorCtr="0"/>
          <a:lstStyle>
            <a:lvl1pPr marL="0" indent="0" algn="r">
              <a:buNone/>
              <a:defRPr sz="120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/>
              <a:t>Speaker name</a:t>
            </a:r>
          </a:p>
        </p:txBody>
      </p:sp>
      <p:sp>
        <p:nvSpPr>
          <p:cNvPr id="12" name="Content Placeholder 11"/>
          <p:cNvSpPr>
            <a:spLocks noGrp="1"/>
          </p:cNvSpPr>
          <p:nvPr>
            <p:ph sz="quarter" idx="11" hasCustomPrompt="1"/>
          </p:nvPr>
        </p:nvSpPr>
        <p:spPr>
          <a:xfrm>
            <a:off x="8229600" y="6264000"/>
            <a:ext cx="2515041" cy="262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tIns="0" rIns="0" bIns="0" anchor="ctr" anchorCtr="0"/>
          <a:lstStyle>
            <a:lvl1pPr marL="0" indent="0" algn="ctr">
              <a:buNone/>
              <a:defRPr lang="en-US" sz="1200" dirty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/>
              <a:t>Organization</a:t>
            </a:r>
          </a:p>
        </p:txBody>
      </p:sp>
      <p:sp>
        <p:nvSpPr>
          <p:cNvPr id="15" name="Content Placeholder 11"/>
          <p:cNvSpPr>
            <a:spLocks noGrp="1"/>
          </p:cNvSpPr>
          <p:nvPr>
            <p:ph sz="quarter" idx="12" hasCustomPrompt="1"/>
          </p:nvPr>
        </p:nvSpPr>
        <p:spPr>
          <a:xfrm>
            <a:off x="10811951" y="6264000"/>
            <a:ext cx="897503" cy="262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tIns="0" rIns="0" bIns="0" anchor="ctr" anchorCtr="0"/>
          <a:lstStyle>
            <a:lvl1pPr marL="0" indent="0" algn="ctr">
              <a:buNone/>
              <a:defRPr lang="en-US" sz="1200" dirty="0">
                <a:solidFill>
                  <a:schemeClr val="bg1"/>
                </a:solidFill>
                <a:latin typeface="+mn-lt"/>
              </a:defRPr>
            </a:lvl1pPr>
          </a:lstStyle>
          <a:p>
            <a:pPr lvl="0"/>
            <a:r>
              <a:rPr lang="en-US"/>
              <a:t>YYYY-MM-DD</a:t>
            </a:r>
          </a:p>
        </p:txBody>
      </p:sp>
    </p:spTree>
    <p:extLst>
      <p:ext uri="{BB962C8B-B14F-4D97-AF65-F5344CB8AC3E}">
        <p14:creationId xmlns:p14="http://schemas.microsoft.com/office/powerpoint/2010/main" val="2233933758"/>
      </p:ext>
    </p:extLst>
  </p:cSld>
  <p:clrMapOvr>
    <a:masterClrMapping/>
  </p:clrMapOvr>
  <p:hf sldNum="0" hdr="0" ftr="0"/>
  <p:extLst>
    <p:ext uri="{DCECCB84-F9BA-43D5-87BE-67443E8EF086}">
      <p15:sldGuideLst xmlns:p15="http://schemas.microsoft.com/office/powerpoint/2012/main"/>
    </p:ext>
  </p:extLst>
</p:sldLayout>
</file>

<file path=ppt/slideLayouts/slideLayout6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_Black blank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Graphic 3">
            <a:extLst>
              <a:ext uri="{FF2B5EF4-FFF2-40B4-BE49-F238E27FC236}">
                <a16:creationId xmlns:a16="http://schemas.microsoft.com/office/drawing/2014/main" id="{5D9DB7BA-3A2F-46BA-A617-2A049434CD6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93088" y="476251"/>
            <a:ext cx="256032" cy="256032"/>
          </a:xfrm>
          <a:prstGeom prst="rect">
            <a:avLst/>
          </a:prstGeom>
        </p:spPr>
      </p:pic>
      <p:sp>
        <p:nvSpPr>
          <p:cNvPr id="5" name="Title_SM">
            <a:extLst>
              <a:ext uri="{FF2B5EF4-FFF2-40B4-BE49-F238E27FC236}">
                <a16:creationId xmlns:a16="http://schemas.microsoft.com/office/drawing/2014/main" id="{C3312695-7D8B-4EA6-892D-6E2041C1BF81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10521950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Use this layout for document slides when you need space for a long heading and big content area</a:t>
            </a:r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B6ACC495-C9EE-4920-8BF2-506DED2F82FC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79425" y="1844675"/>
            <a:ext cx="11233150" cy="4392612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</p:spTree>
    <p:extLst>
      <p:ext uri="{BB962C8B-B14F-4D97-AF65-F5344CB8AC3E}">
        <p14:creationId xmlns:p14="http://schemas.microsoft.com/office/powerpoint/2010/main" val="216116710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6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5_Title and 1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C9BCDBE0-A6F8-426D-956A-B2FC98CCE0E7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949676023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411" imgH="412" progId="TCLayout.ActiveDocument.1">
                  <p:embed/>
                </p:oleObj>
              </mc:Choice>
              <mc:Fallback>
                <p:oleObj name="think-cell Slide" r:id="rId3" imgW="411" imgH="412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C9BCDBE0-A6F8-426D-956A-B2FC98CCE0E7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10521950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Use this layout for document slides when you need space for a long heading and big content area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10CFEFC-6AC8-4817-A0D3-6029D48BD293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79425" y="1844675"/>
            <a:ext cx="11233150" cy="4392612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</p:spTree>
    <p:extLst>
      <p:ext uri="{BB962C8B-B14F-4D97-AF65-F5344CB8AC3E}">
        <p14:creationId xmlns:p14="http://schemas.microsoft.com/office/powerpoint/2010/main" val="2102523671"/>
      </p:ext>
    </p:extLst>
  </p:cSld>
  <p:clrMapOvr>
    <a:masterClrMapping/>
  </p:clrMapOvr>
</p:sldLayout>
</file>

<file path=ppt/slideLayouts/slideLayout6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tatement Page 1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FD062079-82F1-4771-A224-AA6431CFCDDE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1869455669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270" imgH="270" progId="TCLayout.ActiveDocument.1">
                  <p:embed/>
                </p:oleObj>
              </mc:Choice>
              <mc:Fallback>
                <p:oleObj name="think-cell Slide" r:id="rId4" imgW="270" imgH="270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FD062079-82F1-4771-A224-AA6431CFCDDE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Rectangle 3" hidden="1">
            <a:extLst>
              <a:ext uri="{FF2B5EF4-FFF2-40B4-BE49-F238E27FC236}">
                <a16:creationId xmlns:a16="http://schemas.microsoft.com/office/drawing/2014/main" id="{B8BC6BC5-C276-4EEB-85B0-0BE5F33FB6B9}"/>
              </a:ext>
            </a:extLst>
          </p:cNvPr>
          <p:cNvSpPr/>
          <p:nvPr userDrawn="1">
            <p:custDataLst>
              <p:tags r:id="rId2"/>
            </p:custDataLst>
          </p:nvPr>
        </p:nvSpPr>
        <p:spPr bwMode="auto">
          <a:xfrm>
            <a:off x="0" y="0"/>
            <a:ext cx="158750" cy="158750"/>
          </a:xfrm>
          <a:prstGeom prst="rect">
            <a:avLst/>
          </a:prstGeom>
          <a:solidFill>
            <a:srgbClr val="A1A1A1"/>
          </a:solidFill>
          <a:ln>
            <a:noFill/>
          </a:ln>
        </p:spPr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</a:pPr>
            <a:endParaRPr lang="en-US" sz="6000" b="0" i="0" baseline="0">
              <a:solidFill>
                <a:schemeClr val="bg1"/>
              </a:solidFill>
              <a:latin typeface="Ericsson Hilda Light" panose="00000400000000000000" pitchFamily="50" charset="0"/>
              <a:ea typeface="+mj-ea"/>
              <a:cs typeface="+mj-cs"/>
              <a:sym typeface="Ericsson Hilda Light" panose="00000400000000000000" pitchFamily="50" charset="0"/>
            </a:endParaRPr>
          </a:p>
        </p:txBody>
      </p:sp>
      <p:pic>
        <p:nvPicPr>
          <p:cNvPr id="9" name="Picture 11">
            <a:extLst>
              <a:ext uri="{FF2B5EF4-FFF2-40B4-BE49-F238E27FC236}">
                <a16:creationId xmlns:a16="http://schemas.microsoft.com/office/drawing/2014/main" id="{10DEA382-3777-4D1B-A88B-88F6F05CB21F}"/>
              </a:ext>
            </a:extLst>
          </p:cNvPr>
          <p:cNvPicPr>
            <a:picLocks noChangeAspect="1"/>
          </p:cNvPicPr>
          <p:nvPr userDrawn="1"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1522391" y="476250"/>
            <a:ext cx="190184" cy="2560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1" name="Title_TM">
            <a:extLst>
              <a:ext uri="{FF2B5EF4-FFF2-40B4-BE49-F238E27FC236}">
                <a16:creationId xmlns:a16="http://schemas.microsoft.com/office/drawing/2014/main" id="{48FE7FF9-3930-4C4A-8BC6-EB9A286812D4}"/>
              </a:ext>
            </a:extLst>
          </p:cNvPr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4" y="476250"/>
            <a:ext cx="8353425" cy="3457575"/>
          </a:xfrm>
          <a:noFill/>
          <a:ln w="9525">
            <a:noFill/>
            <a:miter lim="800000"/>
            <a:headEnd/>
            <a:tailEnd/>
          </a:ln>
        </p:spPr>
        <p:txBody>
          <a:bodyPr anchor="b"/>
          <a:lstStyle>
            <a:lvl1pPr>
              <a:defRPr lang="en-US" sz="6000" b="0" dirty="0">
                <a:solidFill>
                  <a:schemeClr val="tx1"/>
                </a:solidFill>
                <a:latin typeface="+mj-lt"/>
                <a:ea typeface="+mj-ea"/>
                <a:cs typeface="+mj-cs"/>
                <a:sym typeface="Ericsson Hilda Light" panose="00000400000000000000" pitchFamily="50" charset="0"/>
              </a:defRPr>
            </a:lvl1pPr>
          </a:lstStyle>
          <a:p>
            <a:pPr lvl="0"/>
            <a:r>
              <a:rPr lang="en-US"/>
              <a:t>Chapter/section divider or Statement/fact/quote, </a:t>
            </a:r>
            <a:br>
              <a:rPr lang="en-US"/>
            </a:br>
            <a:r>
              <a:rPr lang="en-US"/>
              <a:t>Ericsson Hilda Light 60pt, </a:t>
            </a:r>
            <a:br>
              <a:rPr lang="en-US"/>
            </a:br>
            <a:r>
              <a:rPr lang="en-US"/>
              <a:t>Ericsson White, </a:t>
            </a:r>
            <a:br>
              <a:rPr lang="en-US"/>
            </a:br>
            <a:r>
              <a:rPr lang="en-US"/>
              <a:t>max 5-lines</a:t>
            </a:r>
          </a:p>
        </p:txBody>
      </p:sp>
      <p:sp>
        <p:nvSpPr>
          <p:cNvPr id="12" name="SubTitle_TM">
            <a:extLst>
              <a:ext uri="{FF2B5EF4-FFF2-40B4-BE49-F238E27FC236}">
                <a16:creationId xmlns:a16="http://schemas.microsoft.com/office/drawing/2014/main" id="{A60848B0-180A-4C02-A8B3-E172AF538B61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79425" y="4149725"/>
            <a:ext cx="5472113" cy="2087563"/>
          </a:xfrm>
          <a:prstGeom prst="rect">
            <a:avLst/>
          </a:prstGeom>
        </p:spPr>
        <p:txBody>
          <a:bodyPr rIns="0" anchor="t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tx1"/>
                </a:solidFill>
                <a:latin typeface="+mn-lt"/>
                <a:ea typeface="+mn-ea"/>
                <a:cs typeface="+mn-cs"/>
                <a:sym typeface="Ericsson Hilda" panose="00000500000000000000" pitchFamily="50" charset="0"/>
              </a:defRPr>
            </a:lvl1pPr>
          </a:lstStyle>
          <a:p>
            <a:r>
              <a:rPr lang="en-US"/>
              <a:t>Statement/quote source, </a:t>
            </a:r>
          </a:p>
          <a:p>
            <a:r>
              <a:rPr lang="en-US"/>
              <a:t>Ericsson White, Ericsson Hilda 20pt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46183EB8-F873-46C9-942B-5D7CA9CDA4C2}"/>
              </a:ext>
            </a:extLst>
          </p:cNvPr>
          <p:cNvSpPr/>
          <p:nvPr userDrawn="1"/>
        </p:nvSpPr>
        <p:spPr bwMode="auto">
          <a:xfrm>
            <a:off x="0" y="-609600"/>
            <a:ext cx="12192000" cy="584200"/>
          </a:xfrm>
          <a:prstGeom prst="rect">
            <a:avLst/>
          </a:prstGeom>
          <a:noFill/>
          <a:ln>
            <a:noFill/>
          </a:ln>
        </p:spPr>
        <p:txBody>
          <a:bodyPr wrap="square" lIns="108000" tIns="36000" rIns="108000" bIns="36000" rtlCol="0" anchor="b"/>
          <a:lstStyle/>
          <a:p>
            <a:pPr algn="ctr">
              <a:spcBef>
                <a:spcPct val="50000"/>
              </a:spcBef>
            </a:pPr>
            <a:r>
              <a:rPr lang="en-US" sz="1400" b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  <a:sym typeface="Ericsson Hilda" panose="00000500000000000000" pitchFamily="50" charset="0"/>
              </a:rPr>
              <a:t>Use Design/Format background/Solid fill to change color</a:t>
            </a:r>
          </a:p>
        </p:txBody>
      </p:sp>
    </p:spTree>
    <p:extLst>
      <p:ext uri="{BB962C8B-B14F-4D97-AF65-F5344CB8AC3E}">
        <p14:creationId xmlns:p14="http://schemas.microsoft.com/office/powerpoint/2010/main" val="309892997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hf sldNum="0" hdr="0" ftr="0"/>
</p:sldLayout>
</file>

<file path=ppt/slideLayouts/slideLayout6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2_Statement Page 1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FD062079-82F1-4771-A224-AA6431CFCDDE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1869455669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270" imgH="270" progId="TCLayout.ActiveDocument.1">
                  <p:embed/>
                </p:oleObj>
              </mc:Choice>
              <mc:Fallback>
                <p:oleObj name="think-cell Slide" r:id="rId4" imgW="270" imgH="270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FD062079-82F1-4771-A224-AA6431CFCDDE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Rectangle 3" hidden="1">
            <a:extLst>
              <a:ext uri="{FF2B5EF4-FFF2-40B4-BE49-F238E27FC236}">
                <a16:creationId xmlns:a16="http://schemas.microsoft.com/office/drawing/2014/main" id="{B8BC6BC5-C276-4EEB-85B0-0BE5F33FB6B9}"/>
              </a:ext>
            </a:extLst>
          </p:cNvPr>
          <p:cNvSpPr/>
          <p:nvPr userDrawn="1">
            <p:custDataLst>
              <p:tags r:id="rId2"/>
            </p:custDataLst>
          </p:nvPr>
        </p:nvSpPr>
        <p:spPr bwMode="auto">
          <a:xfrm>
            <a:off x="0" y="0"/>
            <a:ext cx="158750" cy="158750"/>
          </a:xfrm>
          <a:prstGeom prst="rect">
            <a:avLst/>
          </a:prstGeom>
          <a:solidFill>
            <a:srgbClr val="A1A1A1"/>
          </a:solidFill>
          <a:ln>
            <a:noFill/>
          </a:ln>
        </p:spPr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</a:pPr>
            <a:endParaRPr lang="en-US" sz="6000" b="0" i="0" baseline="0">
              <a:solidFill>
                <a:schemeClr val="bg1"/>
              </a:solidFill>
              <a:latin typeface="Ericsson Hilda Light" panose="00000400000000000000" pitchFamily="50" charset="0"/>
              <a:ea typeface="+mj-ea"/>
              <a:cs typeface="+mj-cs"/>
              <a:sym typeface="Ericsson Hilda Light" panose="00000400000000000000" pitchFamily="50" charset="0"/>
            </a:endParaRPr>
          </a:p>
        </p:txBody>
      </p:sp>
      <p:pic>
        <p:nvPicPr>
          <p:cNvPr id="9" name="Picture 11">
            <a:extLst>
              <a:ext uri="{FF2B5EF4-FFF2-40B4-BE49-F238E27FC236}">
                <a16:creationId xmlns:a16="http://schemas.microsoft.com/office/drawing/2014/main" id="{10DEA382-3777-4D1B-A88B-88F6F05CB21F}"/>
              </a:ext>
            </a:extLst>
          </p:cNvPr>
          <p:cNvPicPr>
            <a:picLocks noChangeAspect="1"/>
          </p:cNvPicPr>
          <p:nvPr userDrawn="1"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1522391" y="476250"/>
            <a:ext cx="190184" cy="2560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1" name="Title_TM">
            <a:extLst>
              <a:ext uri="{FF2B5EF4-FFF2-40B4-BE49-F238E27FC236}">
                <a16:creationId xmlns:a16="http://schemas.microsoft.com/office/drawing/2014/main" id="{48FE7FF9-3930-4C4A-8BC6-EB9A286812D4}"/>
              </a:ext>
            </a:extLst>
          </p:cNvPr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4" y="476250"/>
            <a:ext cx="6128809" cy="3457575"/>
          </a:xfrm>
          <a:noFill/>
          <a:ln w="9525">
            <a:noFill/>
            <a:miter lim="800000"/>
            <a:headEnd/>
            <a:tailEnd/>
          </a:ln>
        </p:spPr>
        <p:txBody>
          <a:bodyPr anchor="b"/>
          <a:lstStyle>
            <a:lvl1pPr>
              <a:defRPr lang="en-US" sz="6000" b="0" dirty="0">
                <a:solidFill>
                  <a:schemeClr val="tx1"/>
                </a:solidFill>
                <a:latin typeface="+mj-lt"/>
                <a:ea typeface="+mj-ea"/>
                <a:cs typeface="+mj-cs"/>
                <a:sym typeface="Ericsson Hilda Light" panose="00000400000000000000" pitchFamily="50" charset="0"/>
              </a:defRPr>
            </a:lvl1pPr>
          </a:lstStyle>
          <a:p>
            <a:pPr lvl="0"/>
            <a:r>
              <a:rPr lang="en-US"/>
              <a:t>Chapter/section divider or Statement/fact/quote, </a:t>
            </a:r>
            <a:br>
              <a:rPr lang="en-US"/>
            </a:br>
            <a:r>
              <a:rPr lang="en-US"/>
              <a:t>Ericsson Hilda Light 60pt, </a:t>
            </a:r>
            <a:br>
              <a:rPr lang="en-US"/>
            </a:br>
            <a:r>
              <a:rPr lang="en-US"/>
              <a:t>Ericsson White, </a:t>
            </a:r>
            <a:br>
              <a:rPr lang="en-US"/>
            </a:br>
            <a:r>
              <a:rPr lang="en-US"/>
              <a:t>max 5-lines</a:t>
            </a:r>
          </a:p>
        </p:txBody>
      </p:sp>
      <p:sp>
        <p:nvSpPr>
          <p:cNvPr id="12" name="SubTitle_TM">
            <a:extLst>
              <a:ext uri="{FF2B5EF4-FFF2-40B4-BE49-F238E27FC236}">
                <a16:creationId xmlns:a16="http://schemas.microsoft.com/office/drawing/2014/main" id="{A60848B0-180A-4C02-A8B3-E172AF538B61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79425" y="4149725"/>
            <a:ext cx="5472113" cy="2087563"/>
          </a:xfrm>
          <a:prstGeom prst="rect">
            <a:avLst/>
          </a:prstGeom>
        </p:spPr>
        <p:txBody>
          <a:bodyPr rIns="0" anchor="t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tx1"/>
                </a:solidFill>
                <a:latin typeface="+mn-lt"/>
                <a:ea typeface="+mn-ea"/>
                <a:cs typeface="+mn-cs"/>
                <a:sym typeface="Ericsson Hilda" panose="00000500000000000000" pitchFamily="50" charset="0"/>
              </a:defRPr>
            </a:lvl1pPr>
          </a:lstStyle>
          <a:p>
            <a:r>
              <a:rPr lang="en-US"/>
              <a:t>Statement/quote source, </a:t>
            </a:r>
          </a:p>
          <a:p>
            <a:r>
              <a:rPr lang="en-US"/>
              <a:t>Ericsson White, Ericsson Hilda 20pt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46183EB8-F873-46C9-942B-5D7CA9CDA4C2}"/>
              </a:ext>
            </a:extLst>
          </p:cNvPr>
          <p:cNvSpPr/>
          <p:nvPr userDrawn="1"/>
        </p:nvSpPr>
        <p:spPr bwMode="auto">
          <a:xfrm>
            <a:off x="0" y="-609600"/>
            <a:ext cx="12192000" cy="584200"/>
          </a:xfrm>
          <a:prstGeom prst="rect">
            <a:avLst/>
          </a:prstGeom>
          <a:noFill/>
          <a:ln>
            <a:noFill/>
          </a:ln>
        </p:spPr>
        <p:txBody>
          <a:bodyPr wrap="square" lIns="108000" tIns="36000" rIns="108000" bIns="36000" rtlCol="0" anchor="b"/>
          <a:lstStyle/>
          <a:p>
            <a:pPr algn="ctr">
              <a:spcBef>
                <a:spcPct val="50000"/>
              </a:spcBef>
            </a:pPr>
            <a:r>
              <a:rPr lang="en-US" sz="1400" b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  <a:sym typeface="Ericsson Hilda" panose="00000500000000000000" pitchFamily="50" charset="0"/>
              </a:rPr>
              <a:t>Use Design/Format background/Solid fill to change color</a:t>
            </a:r>
          </a:p>
        </p:txBody>
      </p:sp>
    </p:spTree>
    <p:extLst>
      <p:ext uri="{BB962C8B-B14F-4D97-AF65-F5344CB8AC3E}">
        <p14:creationId xmlns:p14="http://schemas.microsoft.com/office/powerpoint/2010/main" val="353390201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hf sldNum="0" hdr="0" ftr="0"/>
</p:sldLayout>
</file>

<file path=ppt/slideLayouts/slideLayout6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_Title and 1 column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BFF6A931-A898-408C-932E-47C14DDBC003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939717490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270" imgH="270" progId="TCLayout.ActiveDocument.1">
                  <p:embed/>
                </p:oleObj>
              </mc:Choice>
              <mc:Fallback>
                <p:oleObj name="think-cell Slide" r:id="rId4" imgW="270" imgH="270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BFF6A931-A898-408C-932E-47C14DDBC003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Rectangle 2" hidden="1">
            <a:extLst>
              <a:ext uri="{FF2B5EF4-FFF2-40B4-BE49-F238E27FC236}">
                <a16:creationId xmlns:a16="http://schemas.microsoft.com/office/drawing/2014/main" id="{FA50B2D2-8108-4D8A-89D5-200DB3A66FFB}"/>
              </a:ext>
            </a:extLst>
          </p:cNvPr>
          <p:cNvSpPr/>
          <p:nvPr userDrawn="1">
            <p:custDataLst>
              <p:tags r:id="rId2"/>
            </p:custDataLst>
          </p:nvPr>
        </p:nvSpPr>
        <p:spPr bwMode="auto">
          <a:xfrm>
            <a:off x="0" y="0"/>
            <a:ext cx="158750" cy="158750"/>
          </a:xfrm>
          <a:prstGeom prst="rect">
            <a:avLst/>
          </a:prstGeom>
          <a:solidFill>
            <a:srgbClr val="A1A1A1"/>
          </a:solidFill>
          <a:ln>
            <a:noFill/>
          </a:ln>
        </p:spPr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</a:pPr>
            <a:endParaRPr lang="en-US" sz="3200" b="0" i="0" baseline="0">
              <a:solidFill>
                <a:schemeClr val="bg1"/>
              </a:solidFill>
              <a:latin typeface="Ericsson Hilda Light" panose="00000400000000000000" pitchFamily="50" charset="0"/>
              <a:ea typeface="+mj-ea"/>
              <a:cs typeface="+mj-cs"/>
              <a:sym typeface="Ericsson Hilda Light" panose="00000400000000000000" pitchFamily="50" charset="0"/>
            </a:endParaRPr>
          </a:p>
        </p:txBody>
      </p:sp>
      <p:pic>
        <p:nvPicPr>
          <p:cNvPr id="8" name="Picture 11">
            <a:extLst>
              <a:ext uri="{FF2B5EF4-FFF2-40B4-BE49-F238E27FC236}">
                <a16:creationId xmlns:a16="http://schemas.microsoft.com/office/drawing/2014/main" id="{ACEB1A9A-6E8B-4AEE-916B-1160C372BE5F}"/>
              </a:ext>
            </a:extLst>
          </p:cNvPr>
          <p:cNvPicPr>
            <a:picLocks noChangeAspect="1"/>
          </p:cNvPicPr>
          <p:nvPr userDrawn="1"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1519270" y="481203"/>
            <a:ext cx="190184" cy="2560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3389208A-5049-40AF-ACBF-F572A7A0E2C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269356635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6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EF9F042C-1AEA-4464-B3AC-068D614C4364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726280328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270" imgH="270" progId="TCLayout.ActiveDocument.1">
                  <p:embed/>
                </p:oleObj>
              </mc:Choice>
              <mc:Fallback>
                <p:oleObj name="think-cell Slide" r:id="rId3" imgW="270" imgH="270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EF9F042C-1AEA-4464-B3AC-068D614C4364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3" name="Picture 2">
            <a:extLst>
              <a:ext uri="{FF2B5EF4-FFF2-40B4-BE49-F238E27FC236}">
                <a16:creationId xmlns:a16="http://schemas.microsoft.com/office/drawing/2014/main" id="{C99071CE-F2DE-431D-A304-302D376E0947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screen">
            <a:duotone>
              <a:prstClr val="black"/>
              <a:srgbClr val="D9C3A5">
                <a:tint val="50000"/>
                <a:satMod val="180000"/>
              </a:srgbClr>
            </a:duotone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663309" y="2866608"/>
            <a:ext cx="865383" cy="1145569"/>
          </a:xfrm>
          <a:prstGeom prst="rect">
            <a:avLst/>
          </a:prstGeom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280768985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_SM">
            <a:extLst>
              <a:ext uri="{FF2B5EF4-FFF2-40B4-BE49-F238E27FC236}">
                <a16:creationId xmlns:a16="http://schemas.microsoft.com/office/drawing/2014/main" id="{891BF4C4-9DF9-4D9F-A738-37FBCD45AA68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  <p:sp>
        <p:nvSpPr>
          <p:cNvPr id="3" name="Content Placeholder 1"/>
          <p:cNvSpPr>
            <a:spLocks noGrp="1"/>
          </p:cNvSpPr>
          <p:nvPr>
            <p:ph sz="half" idx="1" hasCustomPrompt="1"/>
          </p:nvPr>
        </p:nvSpPr>
        <p:spPr>
          <a:xfrm>
            <a:off x="479425" y="1844675"/>
            <a:ext cx="5472113" cy="4392612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5" name="Content Placeholder 3"/>
          <p:cNvSpPr>
            <a:spLocks noGrp="1"/>
          </p:cNvSpPr>
          <p:nvPr>
            <p:ph sz="quarter" idx="3" hasCustomPrompt="1"/>
          </p:nvPr>
        </p:nvSpPr>
        <p:spPr>
          <a:xfrm>
            <a:off x="6240463" y="1844674"/>
            <a:ext cx="5472112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</p:spTree>
    <p:extLst>
      <p:ext uri="{BB962C8B-B14F-4D97-AF65-F5344CB8AC3E}">
        <p14:creationId xmlns:p14="http://schemas.microsoft.com/office/powerpoint/2010/main" val="675883818"/>
      </p:ext>
    </p:extLst>
  </p:cSld>
  <p:clrMapOvr>
    <a:masterClrMapping/>
  </p:clrMapOvr>
</p:sldLayout>
</file>

<file path=ppt/slideLayouts/slideLayout7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1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BFF6A931-A898-408C-932E-47C14DDBC003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218525791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270" imgH="270" progId="TCLayout.ActiveDocument.1">
                  <p:embed/>
                </p:oleObj>
              </mc:Choice>
              <mc:Fallback>
                <p:oleObj name="think-cell Slide" r:id="rId4" imgW="270" imgH="270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BFF6A931-A898-408C-932E-47C14DDBC003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Rectangle 5" hidden="1">
            <a:extLst>
              <a:ext uri="{FF2B5EF4-FFF2-40B4-BE49-F238E27FC236}">
                <a16:creationId xmlns:a16="http://schemas.microsoft.com/office/drawing/2014/main" id="{8A704E47-1A71-4997-B55B-E0E91DB0059E}"/>
              </a:ext>
            </a:extLst>
          </p:cNvPr>
          <p:cNvSpPr/>
          <p:nvPr userDrawn="1">
            <p:custDataLst>
              <p:tags r:id="rId2"/>
            </p:custDataLst>
          </p:nvPr>
        </p:nvSpPr>
        <p:spPr bwMode="auto">
          <a:xfrm>
            <a:off x="0" y="0"/>
            <a:ext cx="158750" cy="158750"/>
          </a:xfrm>
          <a:prstGeom prst="rect">
            <a:avLst/>
          </a:prstGeom>
          <a:solidFill>
            <a:srgbClr val="A1A1A1"/>
          </a:solidFill>
          <a:ln>
            <a:noFill/>
          </a:ln>
        </p:spPr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</a:pPr>
            <a:endParaRPr lang="en-US" sz="3200" b="0" i="0" baseline="0">
              <a:solidFill>
                <a:schemeClr val="bg1"/>
              </a:solidFill>
              <a:latin typeface="Ericsson Hilda Light" panose="00000400000000000000" pitchFamily="50" charset="0"/>
              <a:ea typeface="+mj-ea"/>
              <a:cs typeface="+mj-cs"/>
              <a:sym typeface="Ericsson Hilda Light" panose="00000400000000000000" pitchFamily="50" charset="0"/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10CFEFC-6AC8-4817-A0D3-6029D48BD293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79425" y="1844675"/>
            <a:ext cx="11233150" cy="892552"/>
          </a:xfrm>
          <a:prstGeom prst="rect">
            <a:avLst/>
          </a:prstGeom>
        </p:spPr>
        <p:txBody>
          <a:bodyPr>
            <a:noAutofit/>
          </a:bodyPr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/>
            </a:lvl4pPr>
            <a:lvl5pPr>
              <a:defRPr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C53C49B2-6D12-4F88-9218-C66DDED3DBD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976491511"/>
      </p:ext>
    </p:extLst>
  </p:cSld>
  <p:clrMapOvr>
    <a:masterClrMapping/>
  </p:clrMapOvr>
</p:sldLayout>
</file>

<file path=ppt/slideLayouts/slideLayout7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Title and 1 smaller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310ACA97-4ED5-4F20-9D65-2327DE647652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715611706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270" imgH="270" progId="TCLayout.ActiveDocument.1">
                  <p:embed/>
                </p:oleObj>
              </mc:Choice>
              <mc:Fallback>
                <p:oleObj name="think-cell Slide" r:id="rId4" imgW="270" imgH="270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310ACA97-4ED5-4F20-9D65-2327DE64765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Rectangle 5" hidden="1">
            <a:extLst>
              <a:ext uri="{FF2B5EF4-FFF2-40B4-BE49-F238E27FC236}">
                <a16:creationId xmlns:a16="http://schemas.microsoft.com/office/drawing/2014/main" id="{20BB62F3-B838-4286-BD57-8E1E6683804A}"/>
              </a:ext>
            </a:extLst>
          </p:cNvPr>
          <p:cNvSpPr/>
          <p:nvPr userDrawn="1">
            <p:custDataLst>
              <p:tags r:id="rId2"/>
            </p:custDataLst>
          </p:nvPr>
        </p:nvSpPr>
        <p:spPr bwMode="auto">
          <a:xfrm>
            <a:off x="0" y="0"/>
            <a:ext cx="158750" cy="158750"/>
          </a:xfrm>
          <a:prstGeom prst="rect">
            <a:avLst/>
          </a:prstGeom>
          <a:solidFill>
            <a:srgbClr val="A1A1A1"/>
          </a:solidFill>
          <a:ln>
            <a:noFill/>
          </a:ln>
        </p:spPr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</a:pPr>
            <a:endParaRPr lang="en-US" sz="3200" b="0" i="0" baseline="0">
              <a:solidFill>
                <a:schemeClr val="bg1"/>
              </a:solidFill>
              <a:latin typeface="Ericsson Hilda Light" panose="00000400000000000000" pitchFamily="50" charset="0"/>
              <a:ea typeface="+mj-ea"/>
              <a:cs typeface="+mj-cs"/>
              <a:sym typeface="Ericsson Hilda Light" panose="00000400000000000000" pitchFamily="50" charset="0"/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10CFEFC-6AC8-4817-A0D3-6029D48BD293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79425" y="1844675"/>
            <a:ext cx="8353426" cy="892552"/>
          </a:xfrm>
          <a:prstGeom prst="rect">
            <a:avLst/>
          </a:prstGeom>
        </p:spPr>
        <p:txBody>
          <a:bodyPr>
            <a:noAutofit/>
          </a:bodyPr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/>
            </a:lvl4pPr>
            <a:lvl5pPr>
              <a:defRPr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E26144E3-12A3-44AA-973E-59ECFD1D12C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821773065"/>
      </p:ext>
    </p:extLst>
  </p:cSld>
  <p:clrMapOvr>
    <a:masterClrMapping/>
  </p:clrMapOvr>
</p:sldLayout>
</file>

<file path=ppt/slideLayouts/slideLayout7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Full title, right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94316E4E-A648-43CC-986C-6EFF5FDB2E1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767003506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270" imgH="270" progId="TCLayout.ActiveDocument.1">
                  <p:embed/>
                </p:oleObj>
              </mc:Choice>
              <mc:Fallback>
                <p:oleObj name="think-cell Slide" r:id="rId4" imgW="270" imgH="270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94316E4E-A648-43CC-986C-6EFF5FDB2E1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Rectangle 5" hidden="1">
            <a:extLst>
              <a:ext uri="{FF2B5EF4-FFF2-40B4-BE49-F238E27FC236}">
                <a16:creationId xmlns:a16="http://schemas.microsoft.com/office/drawing/2014/main" id="{1159292E-7912-42FC-86E6-F176F46B0749}"/>
              </a:ext>
            </a:extLst>
          </p:cNvPr>
          <p:cNvSpPr/>
          <p:nvPr userDrawn="1">
            <p:custDataLst>
              <p:tags r:id="rId2"/>
            </p:custDataLst>
          </p:nvPr>
        </p:nvSpPr>
        <p:spPr bwMode="auto">
          <a:xfrm>
            <a:off x="0" y="0"/>
            <a:ext cx="158750" cy="158750"/>
          </a:xfrm>
          <a:prstGeom prst="rect">
            <a:avLst/>
          </a:prstGeom>
          <a:solidFill>
            <a:srgbClr val="A1A1A1"/>
          </a:solidFill>
          <a:ln>
            <a:noFill/>
          </a:ln>
        </p:spPr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</a:pPr>
            <a:endParaRPr lang="en-US" sz="3200" b="0" i="0" baseline="0">
              <a:solidFill>
                <a:schemeClr val="bg1"/>
              </a:solidFill>
              <a:latin typeface="Ericsson Hilda Light" panose="00000400000000000000" pitchFamily="50" charset="0"/>
              <a:ea typeface="+mj-ea"/>
              <a:cs typeface="+mj-cs"/>
              <a:sym typeface="Ericsson Hilda Light" panose="00000400000000000000" pitchFamily="50" charset="0"/>
            </a:endParaRPr>
          </a:p>
        </p:txBody>
      </p:sp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479425" y="1844675"/>
            <a:ext cx="5472113" cy="892552"/>
          </a:xfrm>
          <a:prstGeom prst="rect">
            <a:avLst/>
          </a:prstGeom>
        </p:spPr>
        <p:txBody>
          <a:bodyPr lIns="0">
            <a:noAutofit/>
          </a:bodyPr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/>
            </a:lvl4pPr>
            <a:lvl5pPr>
              <a:defRPr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3C7B6BE3-6821-4C87-80E0-3E9A1EE46E0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253664381"/>
      </p:ext>
    </p:extLst>
  </p:cSld>
  <p:clrMapOvr>
    <a:masterClrMapping/>
  </p:clrMapOvr>
</p:sldLayout>
</file>

<file path=ppt/slideLayouts/slideLayout7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itle and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BD25A962-D763-42D6-AED4-E8E7D05BC186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1477950884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270" imgH="270" progId="TCLayout.ActiveDocument.1">
                  <p:embed/>
                </p:oleObj>
              </mc:Choice>
              <mc:Fallback>
                <p:oleObj name="think-cell Slide" r:id="rId4" imgW="270" imgH="270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BD25A962-D763-42D6-AED4-E8E7D05BC186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Rectangle 1" hidden="1">
            <a:extLst>
              <a:ext uri="{FF2B5EF4-FFF2-40B4-BE49-F238E27FC236}">
                <a16:creationId xmlns:a16="http://schemas.microsoft.com/office/drawing/2014/main" id="{98B4381F-8F1F-41C9-B41A-78B236C98A9E}"/>
              </a:ext>
            </a:extLst>
          </p:cNvPr>
          <p:cNvSpPr/>
          <p:nvPr userDrawn="1">
            <p:custDataLst>
              <p:tags r:id="rId2"/>
            </p:custDataLst>
          </p:nvPr>
        </p:nvSpPr>
        <p:spPr bwMode="auto">
          <a:xfrm>
            <a:off x="0" y="0"/>
            <a:ext cx="158750" cy="158750"/>
          </a:xfrm>
          <a:prstGeom prst="rect">
            <a:avLst/>
          </a:prstGeom>
          <a:solidFill>
            <a:srgbClr val="A1A1A1"/>
          </a:solidFill>
          <a:ln>
            <a:noFill/>
          </a:ln>
        </p:spPr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</a:pPr>
            <a:endParaRPr lang="en-US" sz="3200" b="0" i="0" baseline="0">
              <a:solidFill>
                <a:schemeClr val="bg1"/>
              </a:solidFill>
              <a:latin typeface="Ericsson Hilda Light" panose="00000400000000000000" pitchFamily="50" charset="0"/>
              <a:ea typeface="+mj-ea"/>
              <a:cs typeface="+mj-cs"/>
              <a:sym typeface="Ericsson Hilda Light" panose="00000400000000000000" pitchFamily="50" charset="0"/>
            </a:endParaRPr>
          </a:p>
        </p:txBody>
      </p:sp>
      <p:sp>
        <p:nvSpPr>
          <p:cNvPr id="5" name="Content Placeholder 3"/>
          <p:cNvSpPr>
            <a:spLocks noGrp="1"/>
          </p:cNvSpPr>
          <p:nvPr>
            <p:ph sz="quarter" idx="3" hasCustomPrompt="1"/>
          </p:nvPr>
        </p:nvSpPr>
        <p:spPr>
          <a:xfrm>
            <a:off x="6240463" y="1844674"/>
            <a:ext cx="5472112" cy="892552"/>
          </a:xfrm>
          <a:prstGeom prst="rect">
            <a:avLst/>
          </a:prstGeom>
        </p:spPr>
        <p:txBody>
          <a:bodyPr lIns="0">
            <a:noAutofit/>
          </a:bodyPr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/>
            </a:lvl4pPr>
            <a:lvl5pPr>
              <a:defRPr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3" name="Content Placeholder 1"/>
          <p:cNvSpPr>
            <a:spLocks noGrp="1"/>
          </p:cNvSpPr>
          <p:nvPr>
            <p:ph sz="half" idx="1" hasCustomPrompt="1"/>
          </p:nvPr>
        </p:nvSpPr>
        <p:spPr>
          <a:xfrm>
            <a:off x="479425" y="1844675"/>
            <a:ext cx="5472113" cy="892552"/>
          </a:xfrm>
          <a:prstGeom prst="rect">
            <a:avLst/>
          </a:prstGeom>
        </p:spPr>
        <p:txBody>
          <a:bodyPr lIns="0">
            <a:noAutofit/>
          </a:bodyPr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/>
            </a:lvl4pPr>
            <a:lvl5pPr>
              <a:defRPr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6" name="Title 5">
            <a:extLst>
              <a:ext uri="{FF2B5EF4-FFF2-40B4-BE49-F238E27FC236}">
                <a16:creationId xmlns:a16="http://schemas.microsoft.com/office/drawing/2014/main" id="{F64989DD-68A0-42A0-808F-DF89DB2A006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877625528"/>
      </p:ext>
    </p:extLst>
  </p:cSld>
  <p:clrMapOvr>
    <a:masterClrMapping/>
  </p:clrMapOvr>
</p:sldLayout>
</file>

<file path=ppt/slideLayouts/slideLayout7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7_Title and 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2608990D-82E1-4E41-B171-7AF948E17D4F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1734636475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270" imgH="270" progId="TCLayout.ActiveDocument.1">
                  <p:embed/>
                </p:oleObj>
              </mc:Choice>
              <mc:Fallback>
                <p:oleObj name="think-cell Slide" r:id="rId4" imgW="270" imgH="270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2608990D-82E1-4E41-B171-7AF948E17D4F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Rectangle 1" hidden="1">
            <a:extLst>
              <a:ext uri="{FF2B5EF4-FFF2-40B4-BE49-F238E27FC236}">
                <a16:creationId xmlns:a16="http://schemas.microsoft.com/office/drawing/2014/main" id="{98C3540C-1C08-4BA2-B647-AF3E5424468E}"/>
              </a:ext>
            </a:extLst>
          </p:cNvPr>
          <p:cNvSpPr/>
          <p:nvPr userDrawn="1">
            <p:custDataLst>
              <p:tags r:id="rId2"/>
            </p:custDataLst>
          </p:nvPr>
        </p:nvSpPr>
        <p:spPr bwMode="auto">
          <a:xfrm>
            <a:off x="0" y="0"/>
            <a:ext cx="158750" cy="158750"/>
          </a:xfrm>
          <a:prstGeom prst="rect">
            <a:avLst/>
          </a:prstGeom>
          <a:solidFill>
            <a:srgbClr val="A1A1A1"/>
          </a:solidFill>
          <a:ln>
            <a:noFill/>
          </a:ln>
        </p:spPr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</a:pPr>
            <a:endParaRPr lang="en-US" sz="3200" b="0" i="0" baseline="0">
              <a:solidFill>
                <a:schemeClr val="bg1"/>
              </a:solidFill>
              <a:latin typeface="Ericsson Hilda Light" panose="00000400000000000000" pitchFamily="50" charset="0"/>
              <a:ea typeface="+mj-ea"/>
              <a:cs typeface="+mj-cs"/>
              <a:sym typeface="Ericsson Hilda Light" panose="00000400000000000000" pitchFamily="50" charset="0"/>
            </a:endParaRPr>
          </a:p>
        </p:txBody>
      </p:sp>
      <p:sp>
        <p:nvSpPr>
          <p:cNvPr id="8" name="Content Placeholder 3"/>
          <p:cNvSpPr>
            <a:spLocks noGrp="1"/>
          </p:cNvSpPr>
          <p:nvPr>
            <p:ph sz="quarter" idx="12" hasCustomPrompt="1"/>
          </p:nvPr>
        </p:nvSpPr>
        <p:spPr>
          <a:xfrm>
            <a:off x="8184575" y="1844675"/>
            <a:ext cx="3528000" cy="4392613"/>
          </a:xfrm>
          <a:prstGeom prst="rect">
            <a:avLst/>
          </a:prstGeom>
        </p:spPr>
        <p:txBody>
          <a:bodyPr lIns="0"/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/>
            </a:lvl4pPr>
            <a:lvl5pPr>
              <a:defRPr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6" name="Content Placeholder 2"/>
          <p:cNvSpPr>
            <a:spLocks noGrp="1"/>
          </p:cNvSpPr>
          <p:nvPr>
            <p:ph sz="quarter" idx="11" hasCustomPrompt="1"/>
          </p:nvPr>
        </p:nvSpPr>
        <p:spPr>
          <a:xfrm>
            <a:off x="4332000" y="1844673"/>
            <a:ext cx="3528000" cy="4392613"/>
          </a:xfrm>
          <a:prstGeom prst="rect">
            <a:avLst/>
          </a:prstGeom>
        </p:spPr>
        <p:txBody>
          <a:bodyPr lIns="0"/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/>
            </a:lvl4pPr>
            <a:lvl5pPr>
              <a:defRPr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7" name="Content Placeholder 1">
            <a:extLst>
              <a:ext uri="{FF2B5EF4-FFF2-40B4-BE49-F238E27FC236}">
                <a16:creationId xmlns:a16="http://schemas.microsoft.com/office/drawing/2014/main" id="{8E3794F8-471D-4987-945F-3C29BB03AB49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479425" y="1844674"/>
            <a:ext cx="3528000" cy="4392613"/>
          </a:xfrm>
          <a:prstGeom prst="rect">
            <a:avLst/>
          </a:prstGeom>
        </p:spPr>
        <p:txBody>
          <a:bodyPr lIns="0"/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/>
            </a:lvl4pPr>
            <a:lvl5pPr>
              <a:defRPr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CAE470C4-BC99-4366-A6EB-922B91C2E66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358006700"/>
      </p:ext>
    </p:extLst>
  </p:cSld>
  <p:clrMapOvr>
    <a:masterClrMapping/>
  </p:clrMapOvr>
</p:sldLayout>
</file>

<file path=ppt/slideLayouts/slideLayout7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itle and 4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9C42C8A1-3B66-4AF0-A374-8FBEE29DB286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2827697309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270" imgH="270" progId="TCLayout.ActiveDocument.1">
                  <p:embed/>
                </p:oleObj>
              </mc:Choice>
              <mc:Fallback>
                <p:oleObj name="think-cell Slide" r:id="rId4" imgW="270" imgH="270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9C42C8A1-3B66-4AF0-A374-8FBEE29DB286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Rectangle 1" hidden="1">
            <a:extLst>
              <a:ext uri="{FF2B5EF4-FFF2-40B4-BE49-F238E27FC236}">
                <a16:creationId xmlns:a16="http://schemas.microsoft.com/office/drawing/2014/main" id="{7F324888-C26B-4D9D-8EA4-30D85CB145AF}"/>
              </a:ext>
            </a:extLst>
          </p:cNvPr>
          <p:cNvSpPr/>
          <p:nvPr userDrawn="1">
            <p:custDataLst>
              <p:tags r:id="rId2"/>
            </p:custDataLst>
          </p:nvPr>
        </p:nvSpPr>
        <p:spPr bwMode="auto">
          <a:xfrm>
            <a:off x="0" y="0"/>
            <a:ext cx="158750" cy="158750"/>
          </a:xfrm>
          <a:prstGeom prst="rect">
            <a:avLst/>
          </a:prstGeom>
          <a:solidFill>
            <a:srgbClr val="A1A1A1"/>
          </a:solidFill>
          <a:ln>
            <a:noFill/>
          </a:ln>
        </p:spPr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</a:pPr>
            <a:endParaRPr lang="en-US" sz="3200" b="0" i="0" baseline="0">
              <a:solidFill>
                <a:schemeClr val="bg1"/>
              </a:solidFill>
              <a:latin typeface="Ericsson Hilda Light" panose="00000400000000000000" pitchFamily="50" charset="0"/>
              <a:ea typeface="+mj-ea"/>
              <a:cs typeface="+mj-cs"/>
              <a:sym typeface="Ericsson Hilda Light" panose="00000400000000000000" pitchFamily="50" charset="0"/>
            </a:endParaRPr>
          </a:p>
        </p:txBody>
      </p:sp>
      <p:sp>
        <p:nvSpPr>
          <p:cNvPr id="8" name="Content Placeholder 3"/>
          <p:cNvSpPr>
            <a:spLocks noGrp="1"/>
          </p:cNvSpPr>
          <p:nvPr>
            <p:ph sz="quarter" idx="12" hasCustomPrompt="1"/>
          </p:nvPr>
        </p:nvSpPr>
        <p:spPr>
          <a:xfrm>
            <a:off x="6240463" y="1844674"/>
            <a:ext cx="2592388" cy="4392614"/>
          </a:xfrm>
          <a:prstGeom prst="rect">
            <a:avLst/>
          </a:prstGeom>
        </p:spPr>
        <p:txBody>
          <a:bodyPr lIns="0"/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/>
            </a:lvl4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6" name="Content Placeholder 2"/>
          <p:cNvSpPr>
            <a:spLocks noGrp="1"/>
          </p:cNvSpPr>
          <p:nvPr>
            <p:ph sz="quarter" idx="11" hasCustomPrompt="1"/>
          </p:nvPr>
        </p:nvSpPr>
        <p:spPr>
          <a:xfrm>
            <a:off x="3359149" y="1844674"/>
            <a:ext cx="2592389" cy="4392613"/>
          </a:xfrm>
          <a:prstGeom prst="rect">
            <a:avLst/>
          </a:prstGeom>
        </p:spPr>
        <p:txBody>
          <a:bodyPr lIns="0"/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/>
            </a:lvl4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479425" y="1844674"/>
            <a:ext cx="2592388" cy="4392613"/>
          </a:xfrm>
          <a:prstGeom prst="rect">
            <a:avLst/>
          </a:prstGeom>
        </p:spPr>
        <p:txBody>
          <a:bodyPr lIns="0"/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/>
            </a:lvl4pPr>
            <a:lvl5pPr>
              <a:defRPr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9" name="Content Placeholder 3"/>
          <p:cNvSpPr>
            <a:spLocks noGrp="1"/>
          </p:cNvSpPr>
          <p:nvPr>
            <p:ph sz="quarter" idx="13" hasCustomPrompt="1"/>
          </p:nvPr>
        </p:nvSpPr>
        <p:spPr>
          <a:xfrm>
            <a:off x="9120188" y="1844674"/>
            <a:ext cx="2592387" cy="4392613"/>
          </a:xfrm>
          <a:prstGeom prst="rect">
            <a:avLst/>
          </a:prstGeom>
        </p:spPr>
        <p:txBody>
          <a:bodyPr lIns="0"/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/>
            </a:lvl4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A7C1F51F-740C-4E2B-864E-954F8B3872A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571397209"/>
      </p:ext>
    </p:extLst>
  </p:cSld>
  <p:clrMapOvr>
    <a:masterClrMapping/>
  </p:clrMapOvr>
</p:sldLayout>
</file>

<file path=ppt/slideLayouts/slideLayout7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7_Title and 8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Object 6" hidden="1">
            <a:extLst>
              <a:ext uri="{FF2B5EF4-FFF2-40B4-BE49-F238E27FC236}">
                <a16:creationId xmlns:a16="http://schemas.microsoft.com/office/drawing/2014/main" id="{0EE6AA75-B795-481B-8198-755C335F2463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617346622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270" imgH="270" progId="TCLayout.ActiveDocument.1">
                  <p:embed/>
                </p:oleObj>
              </mc:Choice>
              <mc:Fallback>
                <p:oleObj name="think-cell Slide" r:id="rId4" imgW="270" imgH="270" progId="TCLayout.ActiveDocument.1">
                  <p:embed/>
                  <p:pic>
                    <p:nvPicPr>
                      <p:cNvPr id="7" name="Object 6" hidden="1">
                        <a:extLst>
                          <a:ext uri="{FF2B5EF4-FFF2-40B4-BE49-F238E27FC236}">
                            <a16:creationId xmlns:a16="http://schemas.microsoft.com/office/drawing/2014/main" id="{0EE6AA75-B795-481B-8198-755C335F2463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Rectangle 1" hidden="1">
            <a:extLst>
              <a:ext uri="{FF2B5EF4-FFF2-40B4-BE49-F238E27FC236}">
                <a16:creationId xmlns:a16="http://schemas.microsoft.com/office/drawing/2014/main" id="{E8202898-C43D-4909-93F4-6D87AE05B21D}"/>
              </a:ext>
            </a:extLst>
          </p:cNvPr>
          <p:cNvSpPr/>
          <p:nvPr userDrawn="1">
            <p:custDataLst>
              <p:tags r:id="rId2"/>
            </p:custDataLst>
          </p:nvPr>
        </p:nvSpPr>
        <p:spPr bwMode="auto">
          <a:xfrm>
            <a:off x="0" y="0"/>
            <a:ext cx="158750" cy="158750"/>
          </a:xfrm>
          <a:prstGeom prst="rect">
            <a:avLst/>
          </a:prstGeom>
          <a:solidFill>
            <a:srgbClr val="A1A1A1"/>
          </a:solidFill>
          <a:ln>
            <a:noFill/>
          </a:ln>
        </p:spPr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</a:pPr>
            <a:endParaRPr lang="en-US" sz="3200" b="0" i="0" baseline="0">
              <a:solidFill>
                <a:schemeClr val="bg1"/>
              </a:solidFill>
              <a:latin typeface="Ericsson Hilda Light" panose="00000400000000000000" pitchFamily="50" charset="0"/>
              <a:ea typeface="+mj-ea"/>
              <a:cs typeface="+mj-cs"/>
              <a:sym typeface="Ericsson Hilda Light" panose="00000400000000000000" pitchFamily="50" charset="0"/>
            </a:endParaRPr>
          </a:p>
        </p:txBody>
      </p:sp>
      <p:sp>
        <p:nvSpPr>
          <p:cNvPr id="6" name="Content Placeholder 4"/>
          <p:cNvSpPr>
            <a:spLocks noGrp="1"/>
          </p:cNvSpPr>
          <p:nvPr>
            <p:ph sz="quarter" idx="4" hasCustomPrompt="1"/>
          </p:nvPr>
        </p:nvSpPr>
        <p:spPr>
          <a:xfrm>
            <a:off x="6240463" y="4150995"/>
            <a:ext cx="2592387" cy="2086292"/>
          </a:xfrm>
          <a:prstGeom prst="rect">
            <a:avLst/>
          </a:prstGeom>
        </p:spPr>
        <p:txBody>
          <a:bodyPr lIns="0" tIns="0"/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 sz="2000"/>
            </a:lvl4pPr>
            <a:lvl5pPr marL="1028700" indent="0">
              <a:buNone/>
              <a:defRPr sz="2000"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5" name="Content Placeholder 3"/>
          <p:cNvSpPr>
            <a:spLocks noGrp="1"/>
          </p:cNvSpPr>
          <p:nvPr>
            <p:ph sz="quarter" idx="3" hasCustomPrompt="1"/>
          </p:nvPr>
        </p:nvSpPr>
        <p:spPr>
          <a:xfrm>
            <a:off x="479424" y="4149724"/>
            <a:ext cx="2592389" cy="2087563"/>
          </a:xfrm>
          <a:prstGeom prst="rect">
            <a:avLst/>
          </a:prstGeom>
        </p:spPr>
        <p:txBody>
          <a:bodyPr lIns="0" tIns="0"/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 sz="2000"/>
            </a:lvl4pPr>
            <a:lvl5pPr>
              <a:defRPr sz="2000"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4" name="Content Placeholder 2"/>
          <p:cNvSpPr>
            <a:spLocks noGrp="1"/>
          </p:cNvSpPr>
          <p:nvPr>
            <p:ph sz="quarter" idx="2" hasCustomPrompt="1"/>
          </p:nvPr>
        </p:nvSpPr>
        <p:spPr>
          <a:xfrm>
            <a:off x="6240463" y="1844675"/>
            <a:ext cx="2592387" cy="2089150"/>
          </a:xfrm>
          <a:prstGeom prst="rect">
            <a:avLst/>
          </a:prstGeom>
        </p:spPr>
        <p:txBody>
          <a:bodyPr lIns="0" tIns="0"/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 sz="2000"/>
            </a:lvl4pPr>
            <a:lvl5pPr>
              <a:defRPr sz="2000"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3" name="Content Placeholder 1"/>
          <p:cNvSpPr>
            <a:spLocks noGrp="1"/>
          </p:cNvSpPr>
          <p:nvPr>
            <p:ph sz="quarter" idx="1" hasCustomPrompt="1"/>
          </p:nvPr>
        </p:nvSpPr>
        <p:spPr>
          <a:xfrm>
            <a:off x="479424" y="1844675"/>
            <a:ext cx="2592389" cy="2089150"/>
          </a:xfrm>
          <a:prstGeom prst="rect">
            <a:avLst/>
          </a:prstGeom>
        </p:spPr>
        <p:txBody>
          <a:bodyPr lIns="0" tIns="0"/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 sz="2000"/>
            </a:lvl4pPr>
            <a:lvl5pPr>
              <a:defRPr sz="2000"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8" name="Content Placeholder 3"/>
          <p:cNvSpPr>
            <a:spLocks noGrp="1"/>
          </p:cNvSpPr>
          <p:nvPr>
            <p:ph sz="quarter" idx="10" hasCustomPrompt="1"/>
          </p:nvPr>
        </p:nvSpPr>
        <p:spPr>
          <a:xfrm>
            <a:off x="3359151" y="4149724"/>
            <a:ext cx="2592387" cy="2087563"/>
          </a:xfrm>
          <a:prstGeom prst="rect">
            <a:avLst/>
          </a:prstGeom>
        </p:spPr>
        <p:txBody>
          <a:bodyPr lIns="0" tIns="0"/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 sz="2000"/>
            </a:lvl4pPr>
            <a:lvl5pPr>
              <a:defRPr sz="2000"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9" name="Content Placeholder 1"/>
          <p:cNvSpPr>
            <a:spLocks noGrp="1"/>
          </p:cNvSpPr>
          <p:nvPr>
            <p:ph sz="quarter" idx="11" hasCustomPrompt="1"/>
          </p:nvPr>
        </p:nvSpPr>
        <p:spPr>
          <a:xfrm>
            <a:off x="3359151" y="1844675"/>
            <a:ext cx="2592388" cy="2089150"/>
          </a:xfrm>
          <a:prstGeom prst="rect">
            <a:avLst/>
          </a:prstGeom>
        </p:spPr>
        <p:txBody>
          <a:bodyPr lIns="0" tIns="0"/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 sz="2000"/>
            </a:lvl4pPr>
            <a:lvl5pPr>
              <a:defRPr sz="2000"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10" name="Content Placeholder 4"/>
          <p:cNvSpPr>
            <a:spLocks noGrp="1"/>
          </p:cNvSpPr>
          <p:nvPr>
            <p:ph sz="quarter" idx="12" hasCustomPrompt="1"/>
          </p:nvPr>
        </p:nvSpPr>
        <p:spPr>
          <a:xfrm>
            <a:off x="9120188" y="4149725"/>
            <a:ext cx="2592387" cy="2087562"/>
          </a:xfrm>
          <a:prstGeom prst="rect">
            <a:avLst/>
          </a:prstGeom>
        </p:spPr>
        <p:txBody>
          <a:bodyPr lIns="0" tIns="0"/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 sz="2000"/>
            </a:lvl4pPr>
            <a:lvl5pPr>
              <a:defRPr sz="2000"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11" name="Content Placeholder 2"/>
          <p:cNvSpPr>
            <a:spLocks noGrp="1"/>
          </p:cNvSpPr>
          <p:nvPr>
            <p:ph sz="quarter" idx="13" hasCustomPrompt="1"/>
          </p:nvPr>
        </p:nvSpPr>
        <p:spPr>
          <a:xfrm>
            <a:off x="9120188" y="1844674"/>
            <a:ext cx="2592387" cy="2089151"/>
          </a:xfrm>
          <a:prstGeom prst="rect">
            <a:avLst/>
          </a:prstGeom>
        </p:spPr>
        <p:txBody>
          <a:bodyPr lIns="0" tIns="0"/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 sz="2000"/>
            </a:lvl4pPr>
            <a:lvl5pPr>
              <a:defRPr sz="2000"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13" name="Title 12">
            <a:extLst>
              <a:ext uri="{FF2B5EF4-FFF2-40B4-BE49-F238E27FC236}">
                <a16:creationId xmlns:a16="http://schemas.microsoft.com/office/drawing/2014/main" id="{B9A935C2-BF59-4A9B-8AFC-553DEC3EE83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4165621090"/>
      </p:ext>
    </p:extLst>
  </p:cSld>
  <p:clrMapOvr>
    <a:masterClrMapping/>
  </p:clrMapOvr>
</p:sldLayout>
</file>

<file path=ppt/slideLayouts/slideLayout7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Statement Page 1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FD062079-82F1-4771-A224-AA6431CFCDDE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4014462192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270" imgH="270" progId="TCLayout.ActiveDocument.1">
                  <p:embed/>
                </p:oleObj>
              </mc:Choice>
              <mc:Fallback>
                <p:oleObj name="think-cell Slide" r:id="rId4" imgW="270" imgH="270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FD062079-82F1-4771-A224-AA6431CFCDDE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Rectangle 3" hidden="1">
            <a:extLst>
              <a:ext uri="{FF2B5EF4-FFF2-40B4-BE49-F238E27FC236}">
                <a16:creationId xmlns:a16="http://schemas.microsoft.com/office/drawing/2014/main" id="{B8BC6BC5-C276-4EEB-85B0-0BE5F33FB6B9}"/>
              </a:ext>
            </a:extLst>
          </p:cNvPr>
          <p:cNvSpPr/>
          <p:nvPr userDrawn="1">
            <p:custDataLst>
              <p:tags r:id="rId2"/>
            </p:custDataLst>
          </p:nvPr>
        </p:nvSpPr>
        <p:spPr bwMode="auto">
          <a:xfrm>
            <a:off x="0" y="0"/>
            <a:ext cx="158750" cy="158750"/>
          </a:xfrm>
          <a:prstGeom prst="rect">
            <a:avLst/>
          </a:prstGeom>
          <a:solidFill>
            <a:srgbClr val="A1A1A1"/>
          </a:solidFill>
          <a:ln>
            <a:noFill/>
          </a:ln>
        </p:spPr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</a:pPr>
            <a:endParaRPr lang="en-US" sz="6000" b="0" i="0" baseline="0">
              <a:solidFill>
                <a:schemeClr val="bg1"/>
              </a:solidFill>
              <a:latin typeface="Ericsson Hilda Light" panose="00000400000000000000" pitchFamily="50" charset="0"/>
              <a:ea typeface="+mj-ea"/>
              <a:cs typeface="+mj-cs"/>
              <a:sym typeface="Ericsson Hilda Light" panose="00000400000000000000" pitchFamily="50" charset="0"/>
            </a:endParaRPr>
          </a:p>
        </p:txBody>
      </p:sp>
      <p:pic>
        <p:nvPicPr>
          <p:cNvPr id="9" name="Picture 11">
            <a:extLst>
              <a:ext uri="{FF2B5EF4-FFF2-40B4-BE49-F238E27FC236}">
                <a16:creationId xmlns:a16="http://schemas.microsoft.com/office/drawing/2014/main" id="{10DEA382-3777-4D1B-A88B-88F6F05CB21F}"/>
              </a:ext>
            </a:extLst>
          </p:cNvPr>
          <p:cNvPicPr>
            <a:picLocks noChangeAspect="1"/>
          </p:cNvPicPr>
          <p:nvPr userDrawn="1"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1522391" y="476250"/>
            <a:ext cx="190184" cy="2560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1" name="Title_TM">
            <a:extLst>
              <a:ext uri="{FF2B5EF4-FFF2-40B4-BE49-F238E27FC236}">
                <a16:creationId xmlns:a16="http://schemas.microsoft.com/office/drawing/2014/main" id="{48FE7FF9-3930-4C4A-8BC6-EB9A286812D4}"/>
              </a:ext>
            </a:extLst>
          </p:cNvPr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4" y="476250"/>
            <a:ext cx="8353425" cy="3457575"/>
          </a:xfrm>
          <a:noFill/>
          <a:ln w="9525">
            <a:noFill/>
            <a:miter lim="800000"/>
            <a:headEnd/>
            <a:tailEnd/>
          </a:ln>
        </p:spPr>
        <p:txBody>
          <a:bodyPr anchor="b"/>
          <a:lstStyle>
            <a:lvl1pPr>
              <a:defRPr lang="en-US" sz="6000" b="0" dirty="0">
                <a:solidFill>
                  <a:schemeClr val="tx1"/>
                </a:solidFill>
                <a:latin typeface="+mj-lt"/>
                <a:ea typeface="+mj-ea"/>
                <a:cs typeface="+mj-cs"/>
                <a:sym typeface="Ericsson Hilda Light" panose="00000400000000000000" pitchFamily="50" charset="0"/>
              </a:defRPr>
            </a:lvl1pPr>
          </a:lstStyle>
          <a:p>
            <a:pPr lvl="0"/>
            <a:r>
              <a:rPr lang="en-US"/>
              <a:t>Chapter/section divider or Statement/fact/quote, </a:t>
            </a:r>
            <a:br>
              <a:rPr lang="en-US"/>
            </a:br>
            <a:r>
              <a:rPr lang="en-US"/>
              <a:t>Ericsson Hilda Light 60pt, </a:t>
            </a:r>
            <a:br>
              <a:rPr lang="en-US"/>
            </a:br>
            <a:r>
              <a:rPr lang="en-US"/>
              <a:t>Ericsson White, </a:t>
            </a:r>
            <a:br>
              <a:rPr lang="en-US"/>
            </a:br>
            <a:r>
              <a:rPr lang="en-US"/>
              <a:t>max 5-lines</a:t>
            </a:r>
          </a:p>
        </p:txBody>
      </p:sp>
      <p:sp>
        <p:nvSpPr>
          <p:cNvPr id="12" name="SubTitle_TM">
            <a:extLst>
              <a:ext uri="{FF2B5EF4-FFF2-40B4-BE49-F238E27FC236}">
                <a16:creationId xmlns:a16="http://schemas.microsoft.com/office/drawing/2014/main" id="{A60848B0-180A-4C02-A8B3-E172AF538B61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79425" y="4149725"/>
            <a:ext cx="5472113" cy="2087563"/>
          </a:xfrm>
          <a:prstGeom prst="rect">
            <a:avLst/>
          </a:prstGeom>
        </p:spPr>
        <p:txBody>
          <a:bodyPr rIns="0" anchor="t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tx1"/>
                </a:solidFill>
                <a:latin typeface="+mn-lt"/>
                <a:ea typeface="+mn-ea"/>
                <a:cs typeface="+mn-cs"/>
                <a:sym typeface="Ericsson Hilda" panose="00000500000000000000" pitchFamily="50" charset="0"/>
              </a:defRPr>
            </a:lvl1pPr>
          </a:lstStyle>
          <a:p>
            <a:r>
              <a:rPr lang="en-US"/>
              <a:t>Statement/quote source, </a:t>
            </a:r>
          </a:p>
          <a:p>
            <a:r>
              <a:rPr lang="en-US"/>
              <a:t>Ericsson White, Ericsson Hilda 20pt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46183EB8-F873-46C9-942B-5D7CA9CDA4C2}"/>
              </a:ext>
            </a:extLst>
          </p:cNvPr>
          <p:cNvSpPr/>
          <p:nvPr userDrawn="1"/>
        </p:nvSpPr>
        <p:spPr bwMode="auto">
          <a:xfrm>
            <a:off x="0" y="-609600"/>
            <a:ext cx="12192000" cy="584200"/>
          </a:xfrm>
          <a:prstGeom prst="rect">
            <a:avLst/>
          </a:prstGeom>
          <a:noFill/>
          <a:ln>
            <a:noFill/>
          </a:ln>
        </p:spPr>
        <p:txBody>
          <a:bodyPr wrap="square" lIns="108000" tIns="36000" rIns="108000" bIns="36000" rtlCol="0" anchor="b"/>
          <a:lstStyle/>
          <a:p>
            <a:pPr algn="ctr">
              <a:spcBef>
                <a:spcPct val="50000"/>
              </a:spcBef>
            </a:pPr>
            <a:r>
              <a:rPr lang="en-US" sz="1400" b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  <a:sym typeface="Ericsson Hilda" panose="00000500000000000000" pitchFamily="50" charset="0"/>
              </a:rPr>
              <a:t>Use Design/Format background/Solid fill to change color</a:t>
            </a:r>
          </a:p>
        </p:txBody>
      </p:sp>
    </p:spTree>
    <p:extLst>
      <p:ext uri="{BB962C8B-B14F-4D97-AF65-F5344CB8AC3E}">
        <p14:creationId xmlns:p14="http://schemas.microsoft.com/office/powerpoint/2010/main" val="219077660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hf sldNum="0" hdr="0" ftr="0"/>
</p:sldLayout>
</file>

<file path=ppt/slideLayouts/slideLayout7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8_Title and 1 column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BFF6A931-A898-408C-932E-47C14DDBC003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553712870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270" imgH="270" progId="TCLayout.ActiveDocument.1">
                  <p:embed/>
                </p:oleObj>
              </mc:Choice>
              <mc:Fallback>
                <p:oleObj name="think-cell Slide" r:id="rId4" imgW="270" imgH="270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BFF6A931-A898-408C-932E-47C14DDBC003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Rectangle 2" hidden="1">
            <a:extLst>
              <a:ext uri="{FF2B5EF4-FFF2-40B4-BE49-F238E27FC236}">
                <a16:creationId xmlns:a16="http://schemas.microsoft.com/office/drawing/2014/main" id="{FA50B2D2-8108-4D8A-89D5-200DB3A66FFB}"/>
              </a:ext>
            </a:extLst>
          </p:cNvPr>
          <p:cNvSpPr/>
          <p:nvPr userDrawn="1">
            <p:custDataLst>
              <p:tags r:id="rId2"/>
            </p:custDataLst>
          </p:nvPr>
        </p:nvSpPr>
        <p:spPr bwMode="auto">
          <a:xfrm>
            <a:off x="0" y="0"/>
            <a:ext cx="158750" cy="158750"/>
          </a:xfrm>
          <a:prstGeom prst="rect">
            <a:avLst/>
          </a:prstGeom>
          <a:solidFill>
            <a:srgbClr val="A1A1A1"/>
          </a:solidFill>
          <a:ln>
            <a:noFill/>
          </a:ln>
        </p:spPr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</a:pPr>
            <a:endParaRPr lang="en-US" sz="3200" b="0" i="0" baseline="0">
              <a:solidFill>
                <a:schemeClr val="bg1"/>
              </a:solidFill>
              <a:latin typeface="Ericsson Hilda Light" panose="00000400000000000000" pitchFamily="50" charset="0"/>
              <a:ea typeface="+mj-ea"/>
              <a:cs typeface="+mj-cs"/>
              <a:sym typeface="Ericsson Hilda Light" panose="00000400000000000000" pitchFamily="50" charset="0"/>
            </a:endParaRPr>
          </a:p>
        </p:txBody>
      </p:sp>
      <p:pic>
        <p:nvPicPr>
          <p:cNvPr id="8" name="Picture 11">
            <a:extLst>
              <a:ext uri="{FF2B5EF4-FFF2-40B4-BE49-F238E27FC236}">
                <a16:creationId xmlns:a16="http://schemas.microsoft.com/office/drawing/2014/main" id="{ACEB1A9A-6E8B-4AEE-916B-1160C372BE5F}"/>
              </a:ext>
            </a:extLst>
          </p:cNvPr>
          <p:cNvPicPr>
            <a:picLocks noChangeAspect="1"/>
          </p:cNvPicPr>
          <p:nvPr userDrawn="1"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1519270" y="481203"/>
            <a:ext cx="190184" cy="2560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3389208A-5049-40AF-ACBF-F572A7A0E2C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27821199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_SM">
            <a:extLst>
              <a:ext uri="{FF2B5EF4-FFF2-40B4-BE49-F238E27FC236}">
                <a16:creationId xmlns:a16="http://schemas.microsoft.com/office/drawing/2014/main" id="{6B686A21-AA96-4B0A-B7CE-F4C6D5D31B32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  <p:sp>
        <p:nvSpPr>
          <p:cNvPr id="6" name="Content Placeholder 1"/>
          <p:cNvSpPr>
            <a:spLocks noGrp="1"/>
          </p:cNvSpPr>
          <p:nvPr>
            <p:ph sz="quarter" idx="11" hasCustomPrompt="1"/>
          </p:nvPr>
        </p:nvSpPr>
        <p:spPr>
          <a:xfrm>
            <a:off x="481052" y="1846580"/>
            <a:ext cx="3528000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8" name="Content Placeholder 2"/>
          <p:cNvSpPr>
            <a:spLocks noGrp="1"/>
          </p:cNvSpPr>
          <p:nvPr>
            <p:ph sz="quarter" idx="12" hasCustomPrompt="1"/>
          </p:nvPr>
        </p:nvSpPr>
        <p:spPr>
          <a:xfrm>
            <a:off x="4332814" y="1844674"/>
            <a:ext cx="3528000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8E3794F8-471D-4987-945F-3C29BB03AB49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184575" y="1846580"/>
            <a:ext cx="3528000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</p:spTree>
    <p:extLst>
      <p:ext uri="{BB962C8B-B14F-4D97-AF65-F5344CB8AC3E}">
        <p14:creationId xmlns:p14="http://schemas.microsoft.com/office/powerpoint/2010/main" val="354572533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4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_SM">
            <a:extLst>
              <a:ext uri="{FF2B5EF4-FFF2-40B4-BE49-F238E27FC236}">
                <a16:creationId xmlns:a16="http://schemas.microsoft.com/office/drawing/2014/main" id="{F4D71A67-F349-4E68-B7B8-D53CE323A764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479425" y="1844674"/>
            <a:ext cx="2592388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6" name="Content Placeholder 2"/>
          <p:cNvSpPr>
            <a:spLocks noGrp="1"/>
          </p:cNvSpPr>
          <p:nvPr>
            <p:ph sz="quarter" idx="11" hasCustomPrompt="1"/>
          </p:nvPr>
        </p:nvSpPr>
        <p:spPr>
          <a:xfrm>
            <a:off x="3359149" y="1844674"/>
            <a:ext cx="2592389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8" name="Content Placeholder 3"/>
          <p:cNvSpPr>
            <a:spLocks noGrp="1"/>
          </p:cNvSpPr>
          <p:nvPr>
            <p:ph sz="quarter" idx="12" hasCustomPrompt="1"/>
          </p:nvPr>
        </p:nvSpPr>
        <p:spPr>
          <a:xfrm>
            <a:off x="6240463" y="1844674"/>
            <a:ext cx="2592388" cy="4392614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9" name="Content Placeholder 4"/>
          <p:cNvSpPr>
            <a:spLocks noGrp="1"/>
          </p:cNvSpPr>
          <p:nvPr>
            <p:ph sz="quarter" idx="13" hasCustomPrompt="1"/>
          </p:nvPr>
        </p:nvSpPr>
        <p:spPr>
          <a:xfrm>
            <a:off x="9120188" y="1844674"/>
            <a:ext cx="2592387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1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A55C34B4-681E-4FDA-A9BB-6BC31D94C8D6}"/>
              </a:ext>
            </a:extLst>
          </p:cNvPr>
          <p:cNvSpPr txBox="1"/>
          <p:nvPr userDrawn="1"/>
        </p:nvSpPr>
        <p:spPr>
          <a:xfrm>
            <a:off x="421638" y="6524625"/>
            <a:ext cx="4861908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tx1"/>
                </a:solidFill>
                <a:latin typeface="+mn-lt"/>
              </a:rPr>
              <a:t>  |  EPHILFR Philipp Frank  |  A  |  2023-09-08  |  CNS AI Differentiators  |  Ericsson Confidential  |  Page </a:t>
            </a:r>
            <a:fld id="{96940A05-7F5D-4B0E-A029-4446718DF76E}" type="slidenum">
              <a:rPr lang="en-US" sz="800" b="0" i="0" u="none" smtClean="0">
                <a:solidFill>
                  <a:schemeClr val="tx1"/>
                </a:solidFill>
                <a:latin typeface="+mn-lt"/>
              </a:rPr>
              <a:t>‹#›</a:t>
            </a:fld>
            <a:r>
              <a:rPr lang="en-US" sz="800" b="0" i="0" u="none">
                <a:solidFill>
                  <a:schemeClr val="tx1"/>
                </a:solidFill>
                <a:latin typeface="+mn-lt"/>
              </a:rPr>
              <a:t> of 7</a:t>
            </a:r>
          </a:p>
        </p:txBody>
      </p:sp>
    </p:spTree>
    <p:extLst>
      <p:ext uri="{BB962C8B-B14F-4D97-AF65-F5344CB8AC3E}">
        <p14:creationId xmlns:p14="http://schemas.microsoft.com/office/powerpoint/2010/main" val="227589923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6" Type="http://schemas.openxmlformats.org/officeDocument/2006/relationships/image" Target="../media/image1.png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_rels/slideMaster2.xml.rels><?xml version="1.0" encoding="UTF-8" standalone="yes"?>
<Relationships xmlns="http://schemas.openxmlformats.org/package/2006/relationships"><Relationship Id="rId26" Type="http://schemas.openxmlformats.org/officeDocument/2006/relationships/slideLayout" Target="../slideLayouts/slideLayout40.xml"/><Relationship Id="rId21" Type="http://schemas.openxmlformats.org/officeDocument/2006/relationships/slideLayout" Target="../slideLayouts/slideLayout35.xml"/><Relationship Id="rId42" Type="http://schemas.openxmlformats.org/officeDocument/2006/relationships/slideLayout" Target="../slideLayouts/slideLayout56.xml"/><Relationship Id="rId47" Type="http://schemas.openxmlformats.org/officeDocument/2006/relationships/slideLayout" Target="../slideLayouts/slideLayout61.xml"/><Relationship Id="rId63" Type="http://schemas.openxmlformats.org/officeDocument/2006/relationships/slideLayout" Target="../slideLayouts/slideLayout77.xml"/><Relationship Id="rId68" Type="http://schemas.openxmlformats.org/officeDocument/2006/relationships/image" Target="../media/image6.emf"/><Relationship Id="rId7" Type="http://schemas.openxmlformats.org/officeDocument/2006/relationships/slideLayout" Target="../slideLayouts/slideLayout21.xml"/><Relationship Id="rId2" Type="http://schemas.openxmlformats.org/officeDocument/2006/relationships/slideLayout" Target="../slideLayouts/slideLayout16.xml"/><Relationship Id="rId16" Type="http://schemas.openxmlformats.org/officeDocument/2006/relationships/slideLayout" Target="../slideLayouts/slideLayout30.xml"/><Relationship Id="rId29" Type="http://schemas.openxmlformats.org/officeDocument/2006/relationships/slideLayout" Target="../slideLayouts/slideLayout43.xml"/><Relationship Id="rId11" Type="http://schemas.openxmlformats.org/officeDocument/2006/relationships/slideLayout" Target="../slideLayouts/slideLayout25.xml"/><Relationship Id="rId24" Type="http://schemas.openxmlformats.org/officeDocument/2006/relationships/slideLayout" Target="../slideLayouts/slideLayout38.xml"/><Relationship Id="rId32" Type="http://schemas.openxmlformats.org/officeDocument/2006/relationships/slideLayout" Target="../slideLayouts/slideLayout46.xml"/><Relationship Id="rId37" Type="http://schemas.openxmlformats.org/officeDocument/2006/relationships/slideLayout" Target="../slideLayouts/slideLayout51.xml"/><Relationship Id="rId40" Type="http://schemas.openxmlformats.org/officeDocument/2006/relationships/slideLayout" Target="../slideLayouts/slideLayout54.xml"/><Relationship Id="rId45" Type="http://schemas.openxmlformats.org/officeDocument/2006/relationships/slideLayout" Target="../slideLayouts/slideLayout59.xml"/><Relationship Id="rId53" Type="http://schemas.openxmlformats.org/officeDocument/2006/relationships/slideLayout" Target="../slideLayouts/slideLayout67.xml"/><Relationship Id="rId58" Type="http://schemas.openxmlformats.org/officeDocument/2006/relationships/slideLayout" Target="../slideLayouts/slideLayout72.xml"/><Relationship Id="rId66" Type="http://schemas.openxmlformats.org/officeDocument/2006/relationships/tags" Target="../tags/tag1.xml"/><Relationship Id="rId5" Type="http://schemas.openxmlformats.org/officeDocument/2006/relationships/slideLayout" Target="../slideLayouts/slideLayout19.xml"/><Relationship Id="rId61" Type="http://schemas.openxmlformats.org/officeDocument/2006/relationships/slideLayout" Target="../slideLayouts/slideLayout75.xml"/><Relationship Id="rId19" Type="http://schemas.openxmlformats.org/officeDocument/2006/relationships/slideLayout" Target="../slideLayouts/slideLayout33.xml"/><Relationship Id="rId14" Type="http://schemas.openxmlformats.org/officeDocument/2006/relationships/slideLayout" Target="../slideLayouts/slideLayout28.xml"/><Relationship Id="rId22" Type="http://schemas.openxmlformats.org/officeDocument/2006/relationships/slideLayout" Target="../slideLayouts/slideLayout36.xml"/><Relationship Id="rId27" Type="http://schemas.openxmlformats.org/officeDocument/2006/relationships/slideLayout" Target="../slideLayouts/slideLayout41.xml"/><Relationship Id="rId30" Type="http://schemas.openxmlformats.org/officeDocument/2006/relationships/slideLayout" Target="../slideLayouts/slideLayout44.xml"/><Relationship Id="rId35" Type="http://schemas.openxmlformats.org/officeDocument/2006/relationships/slideLayout" Target="../slideLayouts/slideLayout49.xml"/><Relationship Id="rId43" Type="http://schemas.openxmlformats.org/officeDocument/2006/relationships/slideLayout" Target="../slideLayouts/slideLayout57.xml"/><Relationship Id="rId48" Type="http://schemas.openxmlformats.org/officeDocument/2006/relationships/slideLayout" Target="../slideLayouts/slideLayout62.xml"/><Relationship Id="rId56" Type="http://schemas.openxmlformats.org/officeDocument/2006/relationships/slideLayout" Target="../slideLayouts/slideLayout70.xml"/><Relationship Id="rId64" Type="http://schemas.openxmlformats.org/officeDocument/2006/relationships/slideLayout" Target="../slideLayouts/slideLayout78.xml"/><Relationship Id="rId69" Type="http://schemas.openxmlformats.org/officeDocument/2006/relationships/image" Target="../media/image4.png"/><Relationship Id="rId8" Type="http://schemas.openxmlformats.org/officeDocument/2006/relationships/slideLayout" Target="../slideLayouts/slideLayout22.xml"/><Relationship Id="rId51" Type="http://schemas.openxmlformats.org/officeDocument/2006/relationships/slideLayout" Target="../slideLayouts/slideLayout65.xml"/><Relationship Id="rId3" Type="http://schemas.openxmlformats.org/officeDocument/2006/relationships/slideLayout" Target="../slideLayouts/slideLayout17.xml"/><Relationship Id="rId12" Type="http://schemas.openxmlformats.org/officeDocument/2006/relationships/slideLayout" Target="../slideLayouts/slideLayout26.xml"/><Relationship Id="rId17" Type="http://schemas.openxmlformats.org/officeDocument/2006/relationships/slideLayout" Target="../slideLayouts/slideLayout31.xml"/><Relationship Id="rId25" Type="http://schemas.openxmlformats.org/officeDocument/2006/relationships/slideLayout" Target="../slideLayouts/slideLayout39.xml"/><Relationship Id="rId33" Type="http://schemas.openxmlformats.org/officeDocument/2006/relationships/slideLayout" Target="../slideLayouts/slideLayout47.xml"/><Relationship Id="rId38" Type="http://schemas.openxmlformats.org/officeDocument/2006/relationships/slideLayout" Target="../slideLayouts/slideLayout52.xml"/><Relationship Id="rId46" Type="http://schemas.openxmlformats.org/officeDocument/2006/relationships/slideLayout" Target="../slideLayouts/slideLayout60.xml"/><Relationship Id="rId59" Type="http://schemas.openxmlformats.org/officeDocument/2006/relationships/slideLayout" Target="../slideLayouts/slideLayout73.xml"/><Relationship Id="rId67" Type="http://schemas.openxmlformats.org/officeDocument/2006/relationships/oleObject" Target="../embeddings/oleObject1.bin"/><Relationship Id="rId20" Type="http://schemas.openxmlformats.org/officeDocument/2006/relationships/slideLayout" Target="../slideLayouts/slideLayout34.xml"/><Relationship Id="rId41" Type="http://schemas.openxmlformats.org/officeDocument/2006/relationships/slideLayout" Target="../slideLayouts/slideLayout55.xml"/><Relationship Id="rId54" Type="http://schemas.openxmlformats.org/officeDocument/2006/relationships/slideLayout" Target="../slideLayouts/slideLayout68.xml"/><Relationship Id="rId62" Type="http://schemas.openxmlformats.org/officeDocument/2006/relationships/slideLayout" Target="../slideLayouts/slideLayout76.xml"/><Relationship Id="rId70" Type="http://schemas.openxmlformats.org/officeDocument/2006/relationships/image" Target="../media/image5.svg"/><Relationship Id="rId1" Type="http://schemas.openxmlformats.org/officeDocument/2006/relationships/slideLayout" Target="../slideLayouts/slideLayout15.xml"/><Relationship Id="rId6" Type="http://schemas.openxmlformats.org/officeDocument/2006/relationships/slideLayout" Target="../slideLayouts/slideLayout20.xml"/><Relationship Id="rId15" Type="http://schemas.openxmlformats.org/officeDocument/2006/relationships/slideLayout" Target="../slideLayouts/slideLayout29.xml"/><Relationship Id="rId23" Type="http://schemas.openxmlformats.org/officeDocument/2006/relationships/slideLayout" Target="../slideLayouts/slideLayout37.xml"/><Relationship Id="rId28" Type="http://schemas.openxmlformats.org/officeDocument/2006/relationships/slideLayout" Target="../slideLayouts/slideLayout42.xml"/><Relationship Id="rId36" Type="http://schemas.openxmlformats.org/officeDocument/2006/relationships/slideLayout" Target="../slideLayouts/slideLayout50.xml"/><Relationship Id="rId49" Type="http://schemas.openxmlformats.org/officeDocument/2006/relationships/slideLayout" Target="../slideLayouts/slideLayout63.xml"/><Relationship Id="rId57" Type="http://schemas.openxmlformats.org/officeDocument/2006/relationships/slideLayout" Target="../slideLayouts/slideLayout71.xml"/><Relationship Id="rId10" Type="http://schemas.openxmlformats.org/officeDocument/2006/relationships/slideLayout" Target="../slideLayouts/slideLayout24.xml"/><Relationship Id="rId31" Type="http://schemas.openxmlformats.org/officeDocument/2006/relationships/slideLayout" Target="../slideLayouts/slideLayout45.xml"/><Relationship Id="rId44" Type="http://schemas.openxmlformats.org/officeDocument/2006/relationships/slideLayout" Target="../slideLayouts/slideLayout58.xml"/><Relationship Id="rId52" Type="http://schemas.openxmlformats.org/officeDocument/2006/relationships/slideLayout" Target="../slideLayouts/slideLayout66.xml"/><Relationship Id="rId60" Type="http://schemas.openxmlformats.org/officeDocument/2006/relationships/slideLayout" Target="../slideLayouts/slideLayout74.xml"/><Relationship Id="rId65" Type="http://schemas.openxmlformats.org/officeDocument/2006/relationships/theme" Target="../theme/theme2.xml"/><Relationship Id="rId4" Type="http://schemas.openxmlformats.org/officeDocument/2006/relationships/slideLayout" Target="../slideLayouts/slideLayout18.xml"/><Relationship Id="rId9" Type="http://schemas.openxmlformats.org/officeDocument/2006/relationships/slideLayout" Target="../slideLayouts/slideLayout23.xml"/><Relationship Id="rId13" Type="http://schemas.openxmlformats.org/officeDocument/2006/relationships/slideLayout" Target="../slideLayouts/slideLayout27.xml"/><Relationship Id="rId18" Type="http://schemas.openxmlformats.org/officeDocument/2006/relationships/slideLayout" Target="../slideLayouts/slideLayout32.xml"/><Relationship Id="rId39" Type="http://schemas.openxmlformats.org/officeDocument/2006/relationships/slideLayout" Target="../slideLayouts/slideLayout53.xml"/><Relationship Id="rId34" Type="http://schemas.openxmlformats.org/officeDocument/2006/relationships/slideLayout" Target="../slideLayouts/slideLayout48.xml"/><Relationship Id="rId50" Type="http://schemas.openxmlformats.org/officeDocument/2006/relationships/slideLayout" Target="../slideLayouts/slideLayout64.xml"/><Relationship Id="rId55" Type="http://schemas.openxmlformats.org/officeDocument/2006/relationships/slideLayout" Target="../slideLayouts/slideLayout6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506" name="Title_SM"/>
          <p:cNvSpPr>
            <a:spLocks noGrp="1" noChangeArrowheads="1"/>
          </p:cNvSpPr>
          <p:nvPr>
            <p:ph type="title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/>
          <a:p>
            <a:pPr lvl="0"/>
            <a:r>
              <a:rPr lang="en-US"/>
              <a:t>Slide title, Ericsson Hilda Light 40pt, Ericsson Black, max 2-lines</a:t>
            </a:r>
          </a:p>
        </p:txBody>
      </p:sp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483145CE-A2DE-4236-A4F9-8AE088671CA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479425" y="1844674"/>
            <a:ext cx="11233150" cy="4392613"/>
          </a:xfrm>
          <a:prstGeom prst="rect">
            <a:avLst/>
          </a:prstGeom>
        </p:spPr>
        <p:txBody>
          <a:bodyPr vert="horz" lIns="72000" tIns="36000" rIns="72000" bIns="36000" rtlCol="0">
            <a:no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6</a:t>
            </a:r>
          </a:p>
          <a:p>
            <a:pPr lvl="6"/>
            <a:r>
              <a:rPr lang="en-US"/>
              <a:t>7</a:t>
            </a:r>
          </a:p>
          <a:p>
            <a:pPr lvl="7"/>
            <a:r>
              <a:rPr lang="en-US"/>
              <a:t>8</a:t>
            </a:r>
          </a:p>
          <a:p>
            <a:pPr lvl="8"/>
            <a:r>
              <a:rPr lang="en-US"/>
              <a:t>9</a:t>
            </a:r>
          </a:p>
        </p:txBody>
      </p:sp>
      <p:pic>
        <p:nvPicPr>
          <p:cNvPr id="2" name="Picture 3">
            <a:extLst>
              <a:ext uri="{FF2B5EF4-FFF2-40B4-BE49-F238E27FC236}">
                <a16:creationId xmlns:a16="http://schemas.microsoft.com/office/drawing/2014/main" id="{05336C95-19F3-AC92-CBFD-52ED526CF0A7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1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209736" y="211659"/>
            <a:ext cx="818108" cy="81810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0665815C-E6AB-667E-FD0B-272049406215}"/>
              </a:ext>
            </a:extLst>
          </p:cNvPr>
          <p:cNvSpPr txBox="1"/>
          <p:nvPr userDrawn="1"/>
        </p:nvSpPr>
        <p:spPr>
          <a:xfrm>
            <a:off x="9340769" y="6488080"/>
            <a:ext cx="2742373" cy="158261"/>
          </a:xfrm>
          <a:prstGeom prst="rect">
            <a:avLst/>
          </a:prstGeom>
        </p:spPr>
        <p:txBody>
          <a:bodyPr vert="horz" wrap="square" lIns="72000" tIns="36000" rIns="72000" bIns="36000" rtlCol="0" anchor="t"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None/>
              <a:tabLst/>
            </a:pPr>
            <a:r>
              <a:rPr kumimoji="0" lang="en-US" sz="800" b="0" i="0" u="none" strike="noStrike" kern="1000" cap="none" spc="-3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Oscar Llorente Gonzalez  |  02-2024  |  Ericsson CNS – GAI Lab</a:t>
            </a:r>
          </a:p>
        </p:txBody>
      </p:sp>
    </p:spTree>
    <p:extLst>
      <p:ext uri="{BB962C8B-B14F-4D97-AF65-F5344CB8AC3E}">
        <p14:creationId xmlns:p14="http://schemas.microsoft.com/office/powerpoint/2010/main" val="252306476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707" r:id="rId2"/>
    <p:sldLayoutId id="2147483709" r:id="rId3"/>
    <p:sldLayoutId id="2147483673" r:id="rId4"/>
    <p:sldLayoutId id="2147483706" r:id="rId5"/>
    <p:sldLayoutId id="2147483694" r:id="rId6"/>
    <p:sldLayoutId id="2147483675" r:id="rId7"/>
    <p:sldLayoutId id="2147483696" r:id="rId8"/>
    <p:sldLayoutId id="2147483678" r:id="rId9"/>
    <p:sldLayoutId id="2147483690" r:id="rId10"/>
    <p:sldLayoutId id="2147483681" r:id="rId11"/>
    <p:sldLayoutId id="2147483692" r:id="rId12"/>
    <p:sldLayoutId id="2147483705" r:id="rId13"/>
    <p:sldLayoutId id="2147483844" r:id="rId14"/>
  </p:sldLayoutIdLst>
  <p:hf sldNum="0" hdr="0" ftr="0" dt="0"/>
  <p:txStyles>
    <p:titleStyle>
      <a:lvl1pPr algn="l" rtl="0" eaLnBrk="1" fontAlgn="base" hangingPunct="1">
        <a:lnSpc>
          <a:spcPct val="85000"/>
        </a:lnSpc>
        <a:spcBef>
          <a:spcPts val="300"/>
        </a:spcBef>
        <a:spcAft>
          <a:spcPct val="0"/>
        </a:spcAft>
        <a:defRPr sz="4000" kern="1400" spc="-16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Ericsson Hilda" pitchFamily="2" charset="0"/>
        </a:defRPr>
      </a:lvl2pPr>
      <a:lvl3pPr algn="l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Ericsson Hilda" pitchFamily="2" charset="0"/>
        </a:defRPr>
      </a:lvl3pPr>
      <a:lvl4pPr algn="l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Ericsson Hilda" pitchFamily="2" charset="0"/>
        </a:defRPr>
      </a:lvl4pPr>
      <a:lvl5pPr algn="l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Ericsson Hilda" pitchFamily="2" charset="0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Ericsson Hilda" pitchFamily="2" charset="0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Ericsson Hilda" pitchFamily="2" charset="0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Ericsson Hilda" pitchFamily="2" charset="0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Ericsson Hilda" pitchFamily="2" charset="0"/>
        </a:defRPr>
      </a:lvl9pPr>
    </p:titleStyle>
    <p:bodyStyle>
      <a:lvl1pPr marL="265113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 kern="1000" spc="-30">
          <a:solidFill>
            <a:schemeClr val="tx1"/>
          </a:solidFill>
          <a:latin typeface="+mn-lt"/>
          <a:ea typeface="+mn-ea"/>
          <a:cs typeface="+mn-cs"/>
        </a:defRPr>
      </a:lvl1pPr>
      <a:lvl2pPr marL="538163" indent="-273050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–"/>
        <a:defRPr sz="2000" kern="1000" spc="-30">
          <a:solidFill>
            <a:schemeClr val="tx1"/>
          </a:solidFill>
          <a:latin typeface="+mn-lt"/>
        </a:defRPr>
      </a:lvl2pPr>
      <a:lvl3pPr marL="803275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 kern="1000" spc="-30">
          <a:solidFill>
            <a:schemeClr val="tx1"/>
          </a:solidFill>
          <a:latin typeface="+mn-lt"/>
        </a:defRPr>
      </a:lvl3pPr>
      <a:lvl4pPr marL="1076325" indent="-273050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–"/>
        <a:defRPr sz="2000" kern="1000" spc="-30">
          <a:solidFill>
            <a:schemeClr val="tx1"/>
          </a:solidFill>
          <a:latin typeface="+mn-lt"/>
        </a:defRPr>
      </a:lvl4pPr>
      <a:lvl5pPr marL="1341438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 kern="1000" spc="-30">
          <a:solidFill>
            <a:schemeClr val="tx1"/>
          </a:solidFill>
          <a:latin typeface="+mn-lt"/>
        </a:defRPr>
      </a:lvl5pPr>
      <a:lvl6pPr marL="1341438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>
          <a:solidFill>
            <a:schemeClr val="tx1"/>
          </a:solidFill>
          <a:latin typeface="+mn-lt"/>
        </a:defRPr>
      </a:lvl6pPr>
      <a:lvl7pPr marL="1341438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>
          <a:solidFill>
            <a:schemeClr val="tx1"/>
          </a:solidFill>
          <a:latin typeface="+mn-lt"/>
        </a:defRPr>
      </a:lvl7pPr>
      <a:lvl8pPr marL="1341438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>
          <a:solidFill>
            <a:schemeClr val="tx1"/>
          </a:solidFill>
          <a:latin typeface="+mn-lt"/>
        </a:defRPr>
      </a:lvl8pPr>
      <a:lvl9pPr marL="1341438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>
          <a:solidFill>
            <a:schemeClr val="tx1"/>
          </a:solidFill>
          <a:latin typeface="+mn-lt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300">
          <p15:clr>
            <a:srgbClr val="A4A3A4"/>
          </p15:clr>
        </p15:guide>
        <p15:guide id="2" pos="302">
          <p15:clr>
            <a:srgbClr val="A4A3A4"/>
          </p15:clr>
        </p15:guide>
        <p15:guide id="3" pos="1935">
          <p15:clr>
            <a:srgbClr val="A4A3A4"/>
          </p15:clr>
        </p15:guide>
        <p15:guide id="4" orient="horz" pos="981">
          <p15:clr>
            <a:srgbClr val="A4A3A4"/>
          </p15:clr>
        </p15:guide>
        <p15:guide id="6" pos="2116">
          <p15:clr>
            <a:srgbClr val="A4A3A4"/>
          </p15:clr>
        </p15:guide>
        <p15:guide id="7" pos="3931">
          <p15:clr>
            <a:srgbClr val="A4A3A4"/>
          </p15:clr>
        </p15:guide>
        <p15:guide id="9" pos="3749">
          <p15:clr>
            <a:srgbClr val="A4A3A4"/>
          </p15:clr>
        </p15:guide>
        <p15:guide id="10" pos="5564">
          <p15:clr>
            <a:srgbClr val="A4A3A4"/>
          </p15:clr>
        </p15:guide>
        <p15:guide id="12" pos="5745">
          <p15:clr>
            <a:srgbClr val="A4A3A4"/>
          </p15:clr>
        </p15:guide>
        <p15:guide id="13" pos="7378">
          <p15:clr>
            <a:srgbClr val="A4A3A4"/>
          </p15:clr>
        </p15:guide>
        <p15:guide id="16" orient="horz" pos="2478">
          <p15:clr>
            <a:srgbClr val="A4A3A4"/>
          </p15:clr>
        </p15:guide>
        <p15:guide id="17" orient="horz" pos="2614">
          <p15:clr>
            <a:srgbClr val="A4A3A4"/>
          </p15:clr>
        </p15:guide>
        <p15:guide id="18" orient="horz" pos="3929">
          <p15:clr>
            <a:srgbClr val="A4A3A4"/>
          </p15:clr>
        </p15:guide>
        <p15:guide id="19" orient="horz" pos="4110">
          <p15:clr>
            <a:srgbClr val="A4A3A4"/>
          </p15:clr>
        </p15:guide>
        <p15:guide id="20" orient="horz" pos="1162">
          <p15:clr>
            <a:srgbClr val="A4A3A4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think-cell data - do not delete" hidden="1">
            <a:extLst>
              <a:ext uri="{FF2B5EF4-FFF2-40B4-BE49-F238E27FC236}">
                <a16:creationId xmlns:a16="http://schemas.microsoft.com/office/drawing/2014/main" id="{EC7E7041-BA2E-EDFC-61FE-16A696CB4B63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66"/>
            </p:custDataLst>
            <p:extLst>
              <p:ext uri="{D42A27DB-BD31-4B8C-83A1-F6EECF244321}">
                <p14:modId xmlns:p14="http://schemas.microsoft.com/office/powerpoint/2010/main" val="1356694892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67" imgW="306" imgH="306" progId="TCLayout.ActiveDocument.1">
                  <p:embed/>
                </p:oleObj>
              </mc:Choice>
              <mc:Fallback>
                <p:oleObj name="think-cell Slide" r:id="rId67" imgW="306" imgH="306" progId="TCLayout.ActiveDocument.1">
                  <p:embed/>
                  <p:pic>
                    <p:nvPicPr>
                      <p:cNvPr id="5" name="think-cell data - do not delete" hidden="1">
                        <a:extLst>
                          <a:ext uri="{FF2B5EF4-FFF2-40B4-BE49-F238E27FC236}">
                            <a16:creationId xmlns:a16="http://schemas.microsoft.com/office/drawing/2014/main" id="{EC7E7041-BA2E-EDFC-61FE-16A696CB4B63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8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1506" name="Title_SM"/>
          <p:cNvSpPr>
            <a:spLocks noGrp="1" noChangeArrowheads="1"/>
          </p:cNvSpPr>
          <p:nvPr>
            <p:ph type="title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/>
          <a:p>
            <a:pPr lvl="0"/>
            <a:r>
              <a:rPr lang="en-US"/>
              <a:t>Slide title, Ericsson Hilda Light 40pt, Ericsson Black, max 2-lines</a:t>
            </a:r>
          </a:p>
        </p:txBody>
      </p:sp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483145CE-A2DE-4236-A4F9-8AE088671CA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479425" y="1844674"/>
            <a:ext cx="11233150" cy="4392613"/>
          </a:xfrm>
          <a:prstGeom prst="rect">
            <a:avLst/>
          </a:prstGeom>
        </p:spPr>
        <p:txBody>
          <a:bodyPr vert="horz" lIns="72000" tIns="36000" rIns="72000" bIns="36000" rtlCol="0">
            <a:no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6</a:t>
            </a:r>
          </a:p>
          <a:p>
            <a:pPr lvl="6"/>
            <a:r>
              <a:rPr lang="en-US"/>
              <a:t>7</a:t>
            </a:r>
          </a:p>
          <a:p>
            <a:pPr lvl="7"/>
            <a:r>
              <a:rPr lang="en-US"/>
              <a:t>8</a:t>
            </a:r>
          </a:p>
          <a:p>
            <a:pPr lvl="8"/>
            <a:r>
              <a:rPr lang="en-US"/>
              <a:t>9</a:t>
            </a:r>
          </a:p>
        </p:txBody>
      </p:sp>
      <p:pic>
        <p:nvPicPr>
          <p:cNvPr id="7" name="Graphic 6">
            <a:extLst>
              <a:ext uri="{FF2B5EF4-FFF2-40B4-BE49-F238E27FC236}">
                <a16:creationId xmlns:a16="http://schemas.microsoft.com/office/drawing/2014/main" id="{ECFCA6C0-C300-46F3-8D05-D936BF801E76}"/>
              </a:ext>
            </a:extLst>
          </p:cNvPr>
          <p:cNvPicPr>
            <a:picLocks noChangeAspect="1"/>
          </p:cNvPicPr>
          <p:nvPr userDrawn="1"/>
        </p:nvPicPr>
        <p:blipFill>
          <a:blip r:embed="rId6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0"/>
              </a:ext>
            </a:extLst>
          </a:blip>
          <a:stretch>
            <a:fillRect/>
          </a:stretch>
        </p:blipFill>
        <p:spPr>
          <a:xfrm>
            <a:off x="11493088" y="476251"/>
            <a:ext cx="256032" cy="2560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6118237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66" r:id="rId1"/>
    <p:sldLayoutId id="2147483767" r:id="rId2"/>
    <p:sldLayoutId id="2147483768" r:id="rId3"/>
    <p:sldLayoutId id="2147483769" r:id="rId4"/>
    <p:sldLayoutId id="2147483770" r:id="rId5"/>
    <p:sldLayoutId id="2147483771" r:id="rId6"/>
    <p:sldLayoutId id="2147483772" r:id="rId7"/>
    <p:sldLayoutId id="2147483773" r:id="rId8"/>
    <p:sldLayoutId id="2147483774" r:id="rId9"/>
    <p:sldLayoutId id="2147483775" r:id="rId10"/>
    <p:sldLayoutId id="2147483776" r:id="rId11"/>
    <p:sldLayoutId id="2147483777" r:id="rId12"/>
    <p:sldLayoutId id="2147483778" r:id="rId13"/>
    <p:sldLayoutId id="2147483779" r:id="rId14"/>
    <p:sldLayoutId id="2147483780" r:id="rId15"/>
    <p:sldLayoutId id="2147483781" r:id="rId16"/>
    <p:sldLayoutId id="2147483782" r:id="rId17"/>
    <p:sldLayoutId id="2147483783" r:id="rId18"/>
    <p:sldLayoutId id="2147483784" r:id="rId19"/>
    <p:sldLayoutId id="2147483785" r:id="rId20"/>
    <p:sldLayoutId id="2147483786" r:id="rId21"/>
    <p:sldLayoutId id="2147483787" r:id="rId22"/>
    <p:sldLayoutId id="2147483788" r:id="rId23"/>
    <p:sldLayoutId id="2147483789" r:id="rId24"/>
    <p:sldLayoutId id="2147483790" r:id="rId25"/>
    <p:sldLayoutId id="2147483791" r:id="rId26"/>
    <p:sldLayoutId id="2147483792" r:id="rId27"/>
    <p:sldLayoutId id="2147483793" r:id="rId28"/>
    <p:sldLayoutId id="2147483794" r:id="rId29"/>
    <p:sldLayoutId id="2147483795" r:id="rId30"/>
    <p:sldLayoutId id="2147483796" r:id="rId31"/>
    <p:sldLayoutId id="2147483797" r:id="rId32"/>
    <p:sldLayoutId id="2147483798" r:id="rId33"/>
    <p:sldLayoutId id="2147483799" r:id="rId34"/>
    <p:sldLayoutId id="2147483800" r:id="rId35"/>
    <p:sldLayoutId id="2147483801" r:id="rId36"/>
    <p:sldLayoutId id="2147483802" r:id="rId37"/>
    <p:sldLayoutId id="2147483803" r:id="rId38"/>
    <p:sldLayoutId id="2147483804" r:id="rId39"/>
    <p:sldLayoutId id="2147483805" r:id="rId40"/>
    <p:sldLayoutId id="2147483806" r:id="rId41"/>
    <p:sldLayoutId id="2147483807" r:id="rId42"/>
    <p:sldLayoutId id="2147483808" r:id="rId43"/>
    <p:sldLayoutId id="2147483809" r:id="rId44"/>
    <p:sldLayoutId id="2147483810" r:id="rId45"/>
    <p:sldLayoutId id="2147483811" r:id="rId46"/>
    <p:sldLayoutId id="2147483812" r:id="rId47"/>
    <p:sldLayoutId id="2147483813" r:id="rId48"/>
    <p:sldLayoutId id="2147483814" r:id="rId49"/>
    <p:sldLayoutId id="2147483815" r:id="rId50"/>
    <p:sldLayoutId id="2147483816" r:id="rId51"/>
    <p:sldLayoutId id="2147483817" r:id="rId52"/>
    <p:sldLayoutId id="2147483818" r:id="rId53"/>
    <p:sldLayoutId id="2147483819" r:id="rId54"/>
    <p:sldLayoutId id="2147483820" r:id="rId55"/>
    <p:sldLayoutId id="2147483835" r:id="rId56"/>
    <p:sldLayoutId id="2147483836" r:id="rId57"/>
    <p:sldLayoutId id="2147483837" r:id="rId58"/>
    <p:sldLayoutId id="2147483838" r:id="rId59"/>
    <p:sldLayoutId id="2147483839" r:id="rId60"/>
    <p:sldLayoutId id="2147483840" r:id="rId61"/>
    <p:sldLayoutId id="2147483841" r:id="rId62"/>
    <p:sldLayoutId id="2147483842" r:id="rId63"/>
    <p:sldLayoutId id="2147483843" r:id="rId64"/>
  </p:sldLayoutIdLst>
  <p:hf sldNum="0" hdr="0" ftr="0" dt="0"/>
  <p:txStyles>
    <p:titleStyle>
      <a:lvl1pPr algn="l" rtl="0" eaLnBrk="1" fontAlgn="base" hangingPunct="1">
        <a:lnSpc>
          <a:spcPct val="85000"/>
        </a:lnSpc>
        <a:spcBef>
          <a:spcPts val="300"/>
        </a:spcBef>
        <a:spcAft>
          <a:spcPct val="0"/>
        </a:spcAft>
        <a:defRPr sz="4000" kern="1400" spc="-16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Ericsson Hilda" pitchFamily="2" charset="0"/>
        </a:defRPr>
      </a:lvl2pPr>
      <a:lvl3pPr algn="l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Ericsson Hilda" pitchFamily="2" charset="0"/>
        </a:defRPr>
      </a:lvl3pPr>
      <a:lvl4pPr algn="l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Ericsson Hilda" pitchFamily="2" charset="0"/>
        </a:defRPr>
      </a:lvl4pPr>
      <a:lvl5pPr algn="l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Ericsson Hilda" pitchFamily="2" charset="0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Ericsson Hilda" pitchFamily="2" charset="0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Ericsson Hilda" pitchFamily="2" charset="0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Ericsson Hilda" pitchFamily="2" charset="0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Ericsson Hilda" pitchFamily="2" charset="0"/>
        </a:defRPr>
      </a:lvl9pPr>
    </p:titleStyle>
    <p:bodyStyle>
      <a:lvl1pPr marL="265113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 kern="1000" spc="-30">
          <a:solidFill>
            <a:schemeClr val="tx1"/>
          </a:solidFill>
          <a:latin typeface="+mn-lt"/>
          <a:ea typeface="+mn-ea"/>
          <a:cs typeface="+mn-cs"/>
        </a:defRPr>
      </a:lvl1pPr>
      <a:lvl2pPr marL="538163" indent="-273050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–"/>
        <a:defRPr sz="2000" kern="1000" spc="-30">
          <a:solidFill>
            <a:schemeClr val="tx1"/>
          </a:solidFill>
          <a:latin typeface="+mn-lt"/>
        </a:defRPr>
      </a:lvl2pPr>
      <a:lvl3pPr marL="803275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 kern="1000" spc="-30">
          <a:solidFill>
            <a:schemeClr val="tx1"/>
          </a:solidFill>
          <a:latin typeface="+mn-lt"/>
        </a:defRPr>
      </a:lvl3pPr>
      <a:lvl4pPr marL="1076325" indent="-273050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–"/>
        <a:defRPr sz="2000" kern="1000" spc="-30">
          <a:solidFill>
            <a:schemeClr val="tx1"/>
          </a:solidFill>
          <a:latin typeface="+mn-lt"/>
        </a:defRPr>
      </a:lvl4pPr>
      <a:lvl5pPr marL="1341438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 kern="1000" spc="-30">
          <a:solidFill>
            <a:schemeClr val="tx1"/>
          </a:solidFill>
          <a:latin typeface="+mn-lt"/>
        </a:defRPr>
      </a:lvl5pPr>
      <a:lvl6pPr marL="1341438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>
          <a:solidFill>
            <a:schemeClr val="tx1"/>
          </a:solidFill>
          <a:latin typeface="+mn-lt"/>
        </a:defRPr>
      </a:lvl6pPr>
      <a:lvl7pPr marL="1341438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>
          <a:solidFill>
            <a:schemeClr val="tx1"/>
          </a:solidFill>
          <a:latin typeface="+mn-lt"/>
        </a:defRPr>
      </a:lvl7pPr>
      <a:lvl8pPr marL="1341438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>
          <a:solidFill>
            <a:schemeClr val="tx1"/>
          </a:solidFill>
          <a:latin typeface="+mn-lt"/>
        </a:defRPr>
      </a:lvl8pPr>
      <a:lvl9pPr marL="1341438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>
          <a:solidFill>
            <a:schemeClr val="tx1"/>
          </a:solidFill>
          <a:latin typeface="+mn-lt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300">
          <p15:clr>
            <a:srgbClr val="A4A3A4"/>
          </p15:clr>
        </p15:guide>
        <p15:guide id="2" pos="302">
          <p15:clr>
            <a:srgbClr val="A4A3A4"/>
          </p15:clr>
        </p15:guide>
        <p15:guide id="3" pos="1935">
          <p15:clr>
            <a:srgbClr val="A4A3A4"/>
          </p15:clr>
        </p15:guide>
        <p15:guide id="4" orient="horz" pos="981">
          <p15:clr>
            <a:srgbClr val="A4A3A4"/>
          </p15:clr>
        </p15:guide>
        <p15:guide id="6" pos="2116">
          <p15:clr>
            <a:srgbClr val="A4A3A4"/>
          </p15:clr>
        </p15:guide>
        <p15:guide id="7" pos="3931">
          <p15:clr>
            <a:srgbClr val="A4A3A4"/>
          </p15:clr>
        </p15:guide>
        <p15:guide id="9" pos="3749">
          <p15:clr>
            <a:srgbClr val="A4A3A4"/>
          </p15:clr>
        </p15:guide>
        <p15:guide id="10" pos="5564">
          <p15:clr>
            <a:srgbClr val="A4A3A4"/>
          </p15:clr>
        </p15:guide>
        <p15:guide id="12" pos="5745">
          <p15:clr>
            <a:srgbClr val="A4A3A4"/>
          </p15:clr>
        </p15:guide>
        <p15:guide id="13" pos="7378">
          <p15:clr>
            <a:srgbClr val="A4A3A4"/>
          </p15:clr>
        </p15:guide>
        <p15:guide id="16" orient="horz" pos="2478">
          <p15:clr>
            <a:srgbClr val="A4A3A4"/>
          </p15:clr>
        </p15:guide>
        <p15:guide id="17" orient="horz" pos="2614">
          <p15:clr>
            <a:srgbClr val="A4A3A4"/>
          </p15:clr>
        </p15:guide>
        <p15:guide id="18" orient="horz" pos="3929">
          <p15:clr>
            <a:srgbClr val="A4A3A4"/>
          </p15:clr>
        </p15:guide>
        <p15:guide id="19" orient="horz" pos="4110">
          <p15:clr>
            <a:srgbClr val="A4A3A4"/>
          </p15:clr>
        </p15:guide>
        <p15:guide id="20" orient="horz" pos="1162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6.xml"/><Relationship Id="rId1" Type="http://schemas.openxmlformats.org/officeDocument/2006/relationships/tags" Target="../tags/tag47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6.png"/><Relationship Id="rId1" Type="http://schemas.openxmlformats.org/officeDocument/2006/relationships/slideLayout" Target="../slideLayouts/slideLayout5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7.png"/><Relationship Id="rId1" Type="http://schemas.openxmlformats.org/officeDocument/2006/relationships/slideLayout" Target="../slideLayouts/slideLayout5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9.png"/><Relationship Id="rId2" Type="http://schemas.openxmlformats.org/officeDocument/2006/relationships/image" Target="../media/image38.png"/><Relationship Id="rId1" Type="http://schemas.openxmlformats.org/officeDocument/2006/relationships/slideLayout" Target="../slideLayouts/slideLayout5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1.png"/><Relationship Id="rId2" Type="http://schemas.openxmlformats.org/officeDocument/2006/relationships/image" Target="../media/image40.png"/><Relationship Id="rId1" Type="http://schemas.openxmlformats.org/officeDocument/2006/relationships/slideLayout" Target="../slideLayouts/slideLayout5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2.png"/><Relationship Id="rId2" Type="http://schemas.openxmlformats.org/officeDocument/2006/relationships/image" Target="../media/image41.png"/><Relationship Id="rId1" Type="http://schemas.openxmlformats.org/officeDocument/2006/relationships/slideLayout" Target="../slideLayouts/slideLayout5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3.png"/><Relationship Id="rId1" Type="http://schemas.openxmlformats.org/officeDocument/2006/relationships/slideLayout" Target="../slideLayouts/slideLayout5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4.png"/><Relationship Id="rId1" Type="http://schemas.openxmlformats.org/officeDocument/2006/relationships/slideLayout" Target="../slideLayouts/slideLayout5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6.svg"/><Relationship Id="rId2" Type="http://schemas.openxmlformats.org/officeDocument/2006/relationships/image" Target="../media/image45.png"/><Relationship Id="rId1" Type="http://schemas.openxmlformats.org/officeDocument/2006/relationships/slideLayout" Target="../slideLayouts/slideLayout14.xml"/><Relationship Id="rId4" Type="http://schemas.openxmlformats.org/officeDocument/2006/relationships/image" Target="../media/image47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9.svg"/><Relationship Id="rId7" Type="http://schemas.openxmlformats.org/officeDocument/2006/relationships/image" Target="../media/image51.svg"/><Relationship Id="rId2" Type="http://schemas.openxmlformats.org/officeDocument/2006/relationships/image" Target="../media/image48.png"/><Relationship Id="rId1" Type="http://schemas.openxmlformats.org/officeDocument/2006/relationships/slideLayout" Target="../slideLayouts/slideLayout14.xml"/><Relationship Id="rId6" Type="http://schemas.openxmlformats.org/officeDocument/2006/relationships/image" Target="../media/image50.png"/><Relationship Id="rId5" Type="http://schemas.openxmlformats.org/officeDocument/2006/relationships/image" Target="../media/image46.svg"/><Relationship Id="rId4" Type="http://schemas.openxmlformats.org/officeDocument/2006/relationships/image" Target="../media/image45.png"/></Relationships>
</file>

<file path=ppt/slides/_rels/slide19.xml.rels><?xml version="1.0" encoding="UTF-8" standalone="yes"?>
<Relationships xmlns="http://schemas.openxmlformats.org/package/2006/relationships"><Relationship Id="rId8" Type="http://schemas.openxmlformats.org/officeDocument/2006/relationships/image" Target="../media/image58.png"/><Relationship Id="rId3" Type="http://schemas.openxmlformats.org/officeDocument/2006/relationships/image" Target="../media/image53.png"/><Relationship Id="rId7" Type="http://schemas.openxmlformats.org/officeDocument/2006/relationships/image" Target="../media/image57.svg"/><Relationship Id="rId2" Type="http://schemas.openxmlformats.org/officeDocument/2006/relationships/image" Target="../media/image52.png"/><Relationship Id="rId1" Type="http://schemas.openxmlformats.org/officeDocument/2006/relationships/slideLayout" Target="../slideLayouts/slideLayout14.xml"/><Relationship Id="rId6" Type="http://schemas.openxmlformats.org/officeDocument/2006/relationships/image" Target="../media/image56.png"/><Relationship Id="rId5" Type="http://schemas.openxmlformats.org/officeDocument/2006/relationships/image" Target="../media/image55.jpeg"/><Relationship Id="rId4" Type="http://schemas.openxmlformats.org/officeDocument/2006/relationships/image" Target="../media/image54.jpeg"/><Relationship Id="rId9" Type="http://schemas.openxmlformats.org/officeDocument/2006/relationships/image" Target="../media/image59.svg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5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9.svg"/><Relationship Id="rId2" Type="http://schemas.openxmlformats.org/officeDocument/2006/relationships/image" Target="../media/image48.png"/><Relationship Id="rId1" Type="http://schemas.openxmlformats.org/officeDocument/2006/relationships/slideLayout" Target="../slideLayouts/slideLayout14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4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60.bin"/><Relationship Id="rId1" Type="http://schemas.openxmlformats.org/officeDocument/2006/relationships/slideLayout" Target="../slideLayouts/slideLayout5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5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png"/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5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5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0.png"/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png"/><Relationship Id="rId2" Type="http://schemas.openxmlformats.org/officeDocument/2006/relationships/image" Target="../media/image31.jpe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33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png"/><Relationship Id="rId2" Type="http://schemas.openxmlformats.org/officeDocument/2006/relationships/image" Target="../media/image34.png"/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Title 19">
            <a:extLst>
              <a:ext uri="{FF2B5EF4-FFF2-40B4-BE49-F238E27FC236}">
                <a16:creationId xmlns:a16="http://schemas.microsoft.com/office/drawing/2014/main" id="{BDDCF03B-24AE-05EB-527C-A8170D91E66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33577" y="239873"/>
            <a:ext cx="10298047" cy="2403799"/>
          </a:xfrm>
        </p:spPr>
        <p:txBody>
          <a:bodyPr/>
          <a:lstStyle/>
          <a:p>
            <a:r>
              <a:rPr lang="en-US" sz="5400" dirty="0"/>
              <a:t>Graph Neural Networks (GNNs) to Optimize Telecommunications Networks</a:t>
            </a:r>
          </a:p>
        </p:txBody>
      </p:sp>
      <p:sp>
        <p:nvSpPr>
          <p:cNvPr id="22" name="Content Placeholder 21">
            <a:extLst>
              <a:ext uri="{FF2B5EF4-FFF2-40B4-BE49-F238E27FC236}">
                <a16:creationId xmlns:a16="http://schemas.microsoft.com/office/drawing/2014/main" id="{18B85F4C-6797-89F5-6EA7-2997BBF4E4B1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229037" y="6270269"/>
            <a:ext cx="3984824" cy="262800"/>
          </a:xfrm>
        </p:spPr>
        <p:txBody>
          <a:bodyPr/>
          <a:lstStyle/>
          <a:p>
            <a:pPr algn="l"/>
            <a:r>
              <a:rPr lang="en-US" dirty="0"/>
              <a:t>Oscar Llorente Gonzalez  -  Senior Data Scientist  </a:t>
            </a:r>
          </a:p>
        </p:txBody>
      </p:sp>
      <p:sp>
        <p:nvSpPr>
          <p:cNvPr id="23" name="Content Placeholder 22">
            <a:extLst>
              <a:ext uri="{FF2B5EF4-FFF2-40B4-BE49-F238E27FC236}">
                <a16:creationId xmlns:a16="http://schemas.microsoft.com/office/drawing/2014/main" id="{15695D72-E891-28A4-9B93-F7EB42BD3606}"/>
              </a:ext>
            </a:extLst>
          </p:cNvPr>
          <p:cNvSpPr>
            <a:spLocks noGrp="1"/>
          </p:cNvSpPr>
          <p:nvPr>
            <p:ph sz="quarter" idx="11"/>
          </p:nvPr>
        </p:nvSpPr>
        <p:spPr>
          <a:xfrm>
            <a:off x="5968538" y="6264000"/>
            <a:ext cx="4776104" cy="262800"/>
          </a:xfrm>
        </p:spPr>
        <p:txBody>
          <a:bodyPr/>
          <a:lstStyle/>
          <a:p>
            <a:r>
              <a:rPr lang="en-US" dirty="0"/>
              <a:t>Ericsson Cognitive Labs –  Geometric Artificial Intelligence (GAI) Lab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F1133B3-17C3-57AA-A549-C7EA019C2094}"/>
              </a:ext>
            </a:extLst>
          </p:cNvPr>
          <p:cNvSpPr>
            <a:spLocks noGrp="1"/>
          </p:cNvSpPr>
          <p:nvPr>
            <p:ph sz="quarter" idx="12"/>
          </p:nvPr>
        </p:nvSpPr>
        <p:spPr/>
        <p:txBody>
          <a:bodyPr/>
          <a:lstStyle/>
          <a:p>
            <a:r>
              <a:rPr lang="en-US" dirty="0"/>
              <a:t>February 2025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AD4DC836-EE7C-B530-394D-A88B2AFA875A}"/>
              </a:ext>
            </a:extLst>
          </p:cNvPr>
          <p:cNvSpPr txBox="1"/>
          <p:nvPr/>
        </p:nvSpPr>
        <p:spPr bwMode="auto">
          <a:xfrm>
            <a:off x="7101444" y="5510151"/>
            <a:ext cx="0" cy="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none" lIns="72000" tIns="36000" rIns="0" bIns="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0" cap="none" spc="0" normalizeH="0" baseline="0" noProof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Ericsson Hilda Ligh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6647062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9CB2D9C-8B36-DF82-DE62-04BD9EBCA82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odel for node classification</a:t>
            </a:r>
          </a:p>
        </p:txBody>
      </p:sp>
      <p:pic>
        <p:nvPicPr>
          <p:cNvPr id="4" name="Picture 3" descr="A screen shot of a computer program&#10;&#10;Description automatically generated">
            <a:extLst>
              <a:ext uri="{FF2B5EF4-FFF2-40B4-BE49-F238E27FC236}">
                <a16:creationId xmlns:a16="http://schemas.microsoft.com/office/drawing/2014/main" id="{B6381542-7F94-2D4E-74F9-1572A79EA486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29675" y="1557338"/>
            <a:ext cx="7732650" cy="448451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21471011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61559ED-FDB1-AE0B-6739-08CD8A57B92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How to train a GNN for node classification?</a:t>
            </a:r>
          </a:p>
        </p:txBody>
      </p:sp>
      <p:pic>
        <p:nvPicPr>
          <p:cNvPr id="5" name="Picture 4" descr="A screen shot of a computer code&#10;&#10;Description automatically generated">
            <a:extLst>
              <a:ext uri="{FF2B5EF4-FFF2-40B4-BE49-F238E27FC236}">
                <a16:creationId xmlns:a16="http://schemas.microsoft.com/office/drawing/2014/main" id="{7D3F02DB-84B6-64BF-B698-2450CA5F663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444830" y="1557338"/>
            <a:ext cx="7401418" cy="448887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64360597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F827E88-DB9F-101F-A206-81F48CE20F0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caling Graph Neural Networks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D1A5D4CF-FB5C-1558-C353-E6790B8092C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779353" y="4013520"/>
            <a:ext cx="6328347" cy="2451522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0B074706-525A-4098-7189-696B41F59DA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221087" y="1936957"/>
            <a:ext cx="5444880" cy="197130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08278326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7748CAE-749E-7EB0-DCE5-F6864032875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odel for graph classification</a:t>
            </a:r>
          </a:p>
        </p:txBody>
      </p:sp>
      <p:pic>
        <p:nvPicPr>
          <p:cNvPr id="5" name="Picture 4" descr="A screen shot of a computer program&#10;&#10;Description automatically generated">
            <a:extLst>
              <a:ext uri="{FF2B5EF4-FFF2-40B4-BE49-F238E27FC236}">
                <a16:creationId xmlns:a16="http://schemas.microsoft.com/office/drawing/2014/main" id="{4A62C3F1-EC78-12AB-FB8A-BF99BC4BE78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36234" y="1442719"/>
            <a:ext cx="4938048" cy="4473787"/>
          </a:xfrm>
          <a:prstGeom prst="rect">
            <a:avLst/>
          </a:prstGeom>
        </p:spPr>
      </p:pic>
      <p:pic>
        <p:nvPicPr>
          <p:cNvPr id="1026" name="Picture 2">
            <a:extLst>
              <a:ext uri="{FF2B5EF4-FFF2-40B4-BE49-F238E27FC236}">
                <a16:creationId xmlns:a16="http://schemas.microsoft.com/office/drawing/2014/main" id="{4726F1B7-AC4B-0573-44C2-7C9042A6719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6080" y="3196378"/>
            <a:ext cx="4737351" cy="10810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570847427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286588C-9397-091F-F0E5-C54A775F8BD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How to train a GNN for graph classification?</a:t>
            </a:r>
          </a:p>
        </p:txBody>
      </p:sp>
      <p:pic>
        <p:nvPicPr>
          <p:cNvPr id="4" name="Picture 2">
            <a:extLst>
              <a:ext uri="{FF2B5EF4-FFF2-40B4-BE49-F238E27FC236}">
                <a16:creationId xmlns:a16="http://schemas.microsoft.com/office/drawing/2014/main" id="{A788DE20-8559-56DC-5E36-4D2B73FE420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99018" y="3268229"/>
            <a:ext cx="4737351" cy="10810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5" descr="A screen shot of a computer program&#10;&#10;Description automatically generated">
            <a:extLst>
              <a:ext uri="{FF2B5EF4-FFF2-40B4-BE49-F238E27FC236}">
                <a16:creationId xmlns:a16="http://schemas.microsoft.com/office/drawing/2014/main" id="{A46FF6CB-65E2-DF95-9787-6B7405096589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5631" y="1923926"/>
            <a:ext cx="5205435" cy="404598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32699703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BC28B9D-FDC1-5195-A8D2-0DB5691FBAD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odel for link classification</a:t>
            </a:r>
          </a:p>
        </p:txBody>
      </p:sp>
      <p:pic>
        <p:nvPicPr>
          <p:cNvPr id="5" name="Picture 4" descr="A screen shot of a computer program&#10;&#10;Description automatically generated">
            <a:extLst>
              <a:ext uri="{FF2B5EF4-FFF2-40B4-BE49-F238E27FC236}">
                <a16:creationId xmlns:a16="http://schemas.microsoft.com/office/drawing/2014/main" id="{DF8411F8-9E15-4722-DBDE-8CD0A7FA6C3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77496" y="1921127"/>
            <a:ext cx="8837007" cy="356833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03827115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ADCE4CC-64D5-AA0E-B674-77C8A002BF5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How to train a GNN for link classification?</a:t>
            </a:r>
          </a:p>
        </p:txBody>
      </p:sp>
      <p:pic>
        <p:nvPicPr>
          <p:cNvPr id="5" name="Picture 4" descr="A screen shot of a computer code&#10;&#10;Description automatically generated">
            <a:extLst>
              <a:ext uri="{FF2B5EF4-FFF2-40B4-BE49-F238E27FC236}">
                <a16:creationId xmlns:a16="http://schemas.microsoft.com/office/drawing/2014/main" id="{8DB7F9D7-A46A-0129-A019-3AC70C7ADCB3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99219" y="1226034"/>
            <a:ext cx="4793562" cy="495594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34283447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BC51465-6783-8E33-CE0E-0C42EDAF6CC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How to optimize a cellular network </a:t>
            </a:r>
          </a:p>
        </p:txBody>
      </p:sp>
      <p:sp>
        <p:nvSpPr>
          <p:cNvPr id="4" name="Hexagon 3">
            <a:extLst>
              <a:ext uri="{FF2B5EF4-FFF2-40B4-BE49-F238E27FC236}">
                <a16:creationId xmlns:a16="http://schemas.microsoft.com/office/drawing/2014/main" id="{DDD718E0-FB4C-3CC6-D30D-FFC0D30190CB}"/>
              </a:ext>
            </a:extLst>
          </p:cNvPr>
          <p:cNvSpPr/>
          <p:nvPr/>
        </p:nvSpPr>
        <p:spPr>
          <a:xfrm>
            <a:off x="708448" y="2909061"/>
            <a:ext cx="1618736" cy="1396313"/>
          </a:xfrm>
          <a:prstGeom prst="hexagon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s-ES"/>
          </a:p>
        </p:txBody>
      </p:sp>
      <p:sp>
        <p:nvSpPr>
          <p:cNvPr id="5" name="Hexagon 4">
            <a:extLst>
              <a:ext uri="{FF2B5EF4-FFF2-40B4-BE49-F238E27FC236}">
                <a16:creationId xmlns:a16="http://schemas.microsoft.com/office/drawing/2014/main" id="{2F2C02B2-56A8-ECBF-B444-892276469C24}"/>
              </a:ext>
            </a:extLst>
          </p:cNvPr>
          <p:cNvSpPr/>
          <p:nvPr/>
        </p:nvSpPr>
        <p:spPr>
          <a:xfrm>
            <a:off x="1975581" y="2221303"/>
            <a:ext cx="1618736" cy="1396313"/>
          </a:xfrm>
          <a:prstGeom prst="hexagon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s-ES"/>
          </a:p>
        </p:txBody>
      </p:sp>
      <p:sp>
        <p:nvSpPr>
          <p:cNvPr id="6" name="Hexagon 5">
            <a:extLst>
              <a:ext uri="{FF2B5EF4-FFF2-40B4-BE49-F238E27FC236}">
                <a16:creationId xmlns:a16="http://schemas.microsoft.com/office/drawing/2014/main" id="{EB22DB6F-6E27-673E-5295-75DF53FD35E4}"/>
              </a:ext>
            </a:extLst>
          </p:cNvPr>
          <p:cNvSpPr/>
          <p:nvPr/>
        </p:nvSpPr>
        <p:spPr>
          <a:xfrm>
            <a:off x="708448" y="4305375"/>
            <a:ext cx="1618736" cy="1396313"/>
          </a:xfrm>
          <a:prstGeom prst="hexagon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s-ES"/>
          </a:p>
        </p:txBody>
      </p:sp>
      <p:sp>
        <p:nvSpPr>
          <p:cNvPr id="7" name="Hexagon 6">
            <a:extLst>
              <a:ext uri="{FF2B5EF4-FFF2-40B4-BE49-F238E27FC236}">
                <a16:creationId xmlns:a16="http://schemas.microsoft.com/office/drawing/2014/main" id="{E221FCFA-60AE-3FC1-34CF-028FDA700FB2}"/>
              </a:ext>
            </a:extLst>
          </p:cNvPr>
          <p:cNvSpPr/>
          <p:nvPr/>
        </p:nvSpPr>
        <p:spPr>
          <a:xfrm>
            <a:off x="1983456" y="3617616"/>
            <a:ext cx="1618736" cy="1396313"/>
          </a:xfrm>
          <a:prstGeom prst="hexagon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s-ES"/>
          </a:p>
        </p:txBody>
      </p:sp>
      <p:sp>
        <p:nvSpPr>
          <p:cNvPr id="8" name="Hexagon 7">
            <a:extLst>
              <a:ext uri="{FF2B5EF4-FFF2-40B4-BE49-F238E27FC236}">
                <a16:creationId xmlns:a16="http://schemas.microsoft.com/office/drawing/2014/main" id="{294A3297-A565-7CD1-DE89-66F416B94630}"/>
              </a:ext>
            </a:extLst>
          </p:cNvPr>
          <p:cNvSpPr/>
          <p:nvPr/>
        </p:nvSpPr>
        <p:spPr>
          <a:xfrm>
            <a:off x="3245249" y="3135258"/>
            <a:ext cx="1059489" cy="943917"/>
          </a:xfrm>
          <a:prstGeom prst="hexagon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s-ES"/>
          </a:p>
        </p:txBody>
      </p:sp>
      <p:sp>
        <p:nvSpPr>
          <p:cNvPr id="9" name="Hexagon 8">
            <a:extLst>
              <a:ext uri="{FF2B5EF4-FFF2-40B4-BE49-F238E27FC236}">
                <a16:creationId xmlns:a16="http://schemas.microsoft.com/office/drawing/2014/main" id="{0C12E398-5448-5535-AF94-09E471FAB46A}"/>
              </a:ext>
            </a:extLst>
          </p:cNvPr>
          <p:cNvSpPr/>
          <p:nvPr/>
        </p:nvSpPr>
        <p:spPr>
          <a:xfrm>
            <a:off x="1921490" y="4993132"/>
            <a:ext cx="1618736" cy="1396313"/>
          </a:xfrm>
          <a:prstGeom prst="hexagon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s-ES"/>
          </a:p>
        </p:txBody>
      </p:sp>
      <p:sp>
        <p:nvSpPr>
          <p:cNvPr id="10" name="Hexagon 9">
            <a:extLst>
              <a:ext uri="{FF2B5EF4-FFF2-40B4-BE49-F238E27FC236}">
                <a16:creationId xmlns:a16="http://schemas.microsoft.com/office/drawing/2014/main" id="{CEC1585E-E821-9546-DED8-60A28E30CAB2}"/>
              </a:ext>
            </a:extLst>
          </p:cNvPr>
          <p:cNvSpPr/>
          <p:nvPr/>
        </p:nvSpPr>
        <p:spPr>
          <a:xfrm>
            <a:off x="4074311" y="3589262"/>
            <a:ext cx="1059489" cy="943917"/>
          </a:xfrm>
          <a:prstGeom prst="hexagon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s-ES"/>
          </a:p>
        </p:txBody>
      </p:sp>
      <p:sp>
        <p:nvSpPr>
          <p:cNvPr id="11" name="Hexagon 10">
            <a:extLst>
              <a:ext uri="{FF2B5EF4-FFF2-40B4-BE49-F238E27FC236}">
                <a16:creationId xmlns:a16="http://schemas.microsoft.com/office/drawing/2014/main" id="{97CE6102-8077-B86A-46DA-5C96FC747FE5}"/>
              </a:ext>
            </a:extLst>
          </p:cNvPr>
          <p:cNvSpPr/>
          <p:nvPr/>
        </p:nvSpPr>
        <p:spPr>
          <a:xfrm>
            <a:off x="4053027" y="2645345"/>
            <a:ext cx="1059489" cy="943917"/>
          </a:xfrm>
          <a:prstGeom prst="hexagon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s-ES" dirty="0"/>
          </a:p>
        </p:txBody>
      </p:sp>
      <p:sp>
        <p:nvSpPr>
          <p:cNvPr id="12" name="Hexagon 11">
            <a:extLst>
              <a:ext uri="{FF2B5EF4-FFF2-40B4-BE49-F238E27FC236}">
                <a16:creationId xmlns:a16="http://schemas.microsoft.com/office/drawing/2014/main" id="{520A189C-24A5-CBB3-085B-62AF66A262AF}"/>
              </a:ext>
            </a:extLst>
          </p:cNvPr>
          <p:cNvSpPr/>
          <p:nvPr/>
        </p:nvSpPr>
        <p:spPr>
          <a:xfrm>
            <a:off x="4086445" y="5475489"/>
            <a:ext cx="1059489" cy="943917"/>
          </a:xfrm>
          <a:prstGeom prst="hexagon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s-ES" dirty="0"/>
          </a:p>
        </p:txBody>
      </p:sp>
      <p:sp>
        <p:nvSpPr>
          <p:cNvPr id="13" name="Hexagon 12">
            <a:extLst>
              <a:ext uri="{FF2B5EF4-FFF2-40B4-BE49-F238E27FC236}">
                <a16:creationId xmlns:a16="http://schemas.microsoft.com/office/drawing/2014/main" id="{836154C8-88A4-4C45-8269-8068D02E6720}"/>
              </a:ext>
            </a:extLst>
          </p:cNvPr>
          <p:cNvSpPr/>
          <p:nvPr/>
        </p:nvSpPr>
        <p:spPr>
          <a:xfrm>
            <a:off x="4898801" y="4049214"/>
            <a:ext cx="1059489" cy="943917"/>
          </a:xfrm>
          <a:prstGeom prst="hexagon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s-ES" dirty="0"/>
          </a:p>
        </p:txBody>
      </p:sp>
      <p:sp>
        <p:nvSpPr>
          <p:cNvPr id="14" name="Hexagon 13">
            <a:extLst>
              <a:ext uri="{FF2B5EF4-FFF2-40B4-BE49-F238E27FC236}">
                <a16:creationId xmlns:a16="http://schemas.microsoft.com/office/drawing/2014/main" id="{E13678FD-3A1E-9953-803E-1D76269342D3}"/>
              </a:ext>
            </a:extLst>
          </p:cNvPr>
          <p:cNvSpPr/>
          <p:nvPr/>
        </p:nvSpPr>
        <p:spPr>
          <a:xfrm>
            <a:off x="4086445" y="4533179"/>
            <a:ext cx="1059489" cy="943917"/>
          </a:xfrm>
          <a:prstGeom prst="hexagon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s-ES" dirty="0"/>
          </a:p>
        </p:txBody>
      </p:sp>
      <p:pic>
        <p:nvPicPr>
          <p:cNvPr id="15" name="Graphic 14" descr="Cell Tower outline">
            <a:extLst>
              <a:ext uri="{FF2B5EF4-FFF2-40B4-BE49-F238E27FC236}">
                <a16:creationId xmlns:a16="http://schemas.microsoft.com/office/drawing/2014/main" id="{B70DB884-C4C6-F719-52E0-AE0F96D41FFA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442729" y="3294755"/>
            <a:ext cx="589013" cy="589013"/>
          </a:xfrm>
          <a:prstGeom prst="rect">
            <a:avLst/>
          </a:prstGeom>
        </p:spPr>
      </p:pic>
      <p:pic>
        <p:nvPicPr>
          <p:cNvPr id="16" name="Graphic 15" descr="Cell Tower outline">
            <a:extLst>
              <a:ext uri="{FF2B5EF4-FFF2-40B4-BE49-F238E27FC236}">
                <a16:creationId xmlns:a16="http://schemas.microsoft.com/office/drawing/2014/main" id="{68642E3D-1FAA-6269-4AB5-C01ACE03E685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2327184" y="2915351"/>
            <a:ext cx="589013" cy="589013"/>
          </a:xfrm>
          <a:prstGeom prst="rect">
            <a:avLst/>
          </a:prstGeom>
        </p:spPr>
      </p:pic>
      <p:pic>
        <p:nvPicPr>
          <p:cNvPr id="17" name="Graphic 16" descr="Cell Tower outline">
            <a:extLst>
              <a:ext uri="{FF2B5EF4-FFF2-40B4-BE49-F238E27FC236}">
                <a16:creationId xmlns:a16="http://schemas.microsoft.com/office/drawing/2014/main" id="{FE233DF1-BE00-9D50-4B73-902FC433E36E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2784949" y="2398642"/>
            <a:ext cx="589013" cy="589013"/>
          </a:xfrm>
          <a:prstGeom prst="rect">
            <a:avLst/>
          </a:prstGeom>
        </p:spPr>
      </p:pic>
      <p:pic>
        <p:nvPicPr>
          <p:cNvPr id="18" name="Graphic 17" descr="Cell Tower outline">
            <a:extLst>
              <a:ext uri="{FF2B5EF4-FFF2-40B4-BE49-F238E27FC236}">
                <a16:creationId xmlns:a16="http://schemas.microsoft.com/office/drawing/2014/main" id="{2C510F1A-FF3A-9274-3FB2-D96012662BD6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2643972" y="4313871"/>
            <a:ext cx="589013" cy="589013"/>
          </a:xfrm>
          <a:prstGeom prst="rect">
            <a:avLst/>
          </a:prstGeom>
        </p:spPr>
      </p:pic>
      <p:pic>
        <p:nvPicPr>
          <p:cNvPr id="19" name="Graphic 18" descr="Cell Tower outline">
            <a:extLst>
              <a:ext uri="{FF2B5EF4-FFF2-40B4-BE49-F238E27FC236}">
                <a16:creationId xmlns:a16="http://schemas.microsoft.com/office/drawing/2014/main" id="{5A82FF9A-F804-E39B-1F89-EE5C475ADABE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2772849" y="3707862"/>
            <a:ext cx="589013" cy="589013"/>
          </a:xfrm>
          <a:prstGeom prst="rect">
            <a:avLst/>
          </a:prstGeom>
        </p:spPr>
      </p:pic>
      <p:pic>
        <p:nvPicPr>
          <p:cNvPr id="20" name="Graphic 19" descr="Cell Tower outline">
            <a:extLst>
              <a:ext uri="{FF2B5EF4-FFF2-40B4-BE49-F238E27FC236}">
                <a16:creationId xmlns:a16="http://schemas.microsoft.com/office/drawing/2014/main" id="{6E0D851D-CD54-DEBB-FC0D-6986D92F5BC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2216437" y="3784669"/>
            <a:ext cx="589013" cy="589013"/>
          </a:xfrm>
          <a:prstGeom prst="rect">
            <a:avLst/>
          </a:prstGeom>
        </p:spPr>
      </p:pic>
      <p:pic>
        <p:nvPicPr>
          <p:cNvPr id="21" name="Graphic 20" descr="Cell Tower outline">
            <a:extLst>
              <a:ext uri="{FF2B5EF4-FFF2-40B4-BE49-F238E27FC236}">
                <a16:creationId xmlns:a16="http://schemas.microsoft.com/office/drawing/2014/main" id="{9369E914-61E3-3221-0830-40BD49D8615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309787" y="2842705"/>
            <a:ext cx="589013" cy="589013"/>
          </a:xfrm>
          <a:prstGeom prst="rect">
            <a:avLst/>
          </a:prstGeom>
        </p:spPr>
      </p:pic>
      <p:pic>
        <p:nvPicPr>
          <p:cNvPr id="22" name="Graphic 21" descr="Cell Tower outline">
            <a:extLst>
              <a:ext uri="{FF2B5EF4-FFF2-40B4-BE49-F238E27FC236}">
                <a16:creationId xmlns:a16="http://schemas.microsoft.com/office/drawing/2014/main" id="{D7A96F2A-E25F-373B-6C1E-101BB0BF60BF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321681" y="3770397"/>
            <a:ext cx="589013" cy="589013"/>
          </a:xfrm>
          <a:prstGeom prst="rect">
            <a:avLst/>
          </a:prstGeom>
        </p:spPr>
      </p:pic>
      <p:pic>
        <p:nvPicPr>
          <p:cNvPr id="23" name="Graphic 22" descr="Cell Tower outline">
            <a:extLst>
              <a:ext uri="{FF2B5EF4-FFF2-40B4-BE49-F238E27FC236}">
                <a16:creationId xmlns:a16="http://schemas.microsoft.com/office/drawing/2014/main" id="{21D8B5E6-06F9-EAC1-D030-F85CD55CC72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133800" y="4226666"/>
            <a:ext cx="589013" cy="589013"/>
          </a:xfrm>
          <a:prstGeom prst="rect">
            <a:avLst/>
          </a:prstGeom>
        </p:spPr>
      </p:pic>
      <p:pic>
        <p:nvPicPr>
          <p:cNvPr id="24" name="Graphic 23" descr="Cell Tower outline">
            <a:extLst>
              <a:ext uri="{FF2B5EF4-FFF2-40B4-BE49-F238E27FC236}">
                <a16:creationId xmlns:a16="http://schemas.microsoft.com/office/drawing/2014/main" id="{1FB82C8D-5ED4-BBC5-04AE-EC8CBF092F95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321444" y="4709023"/>
            <a:ext cx="589013" cy="589013"/>
          </a:xfrm>
          <a:prstGeom prst="rect">
            <a:avLst/>
          </a:prstGeom>
        </p:spPr>
      </p:pic>
      <p:pic>
        <p:nvPicPr>
          <p:cNvPr id="25" name="Graphic 24" descr="Cell Tower outline">
            <a:extLst>
              <a:ext uri="{FF2B5EF4-FFF2-40B4-BE49-F238E27FC236}">
                <a16:creationId xmlns:a16="http://schemas.microsoft.com/office/drawing/2014/main" id="{ACA46D10-2501-40CC-F299-68A3B0E55115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437239" y="5013929"/>
            <a:ext cx="589013" cy="589013"/>
          </a:xfrm>
          <a:prstGeom prst="rect">
            <a:avLst/>
          </a:prstGeom>
        </p:spPr>
      </p:pic>
      <p:pic>
        <p:nvPicPr>
          <p:cNvPr id="26" name="Graphic 25" descr="Cell Tower outline">
            <a:extLst>
              <a:ext uri="{FF2B5EF4-FFF2-40B4-BE49-F238E27FC236}">
                <a16:creationId xmlns:a16="http://schemas.microsoft.com/office/drawing/2014/main" id="{78307CF9-A0A5-64DB-6207-1D26D93965A5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015689" y="4521173"/>
            <a:ext cx="589013" cy="589013"/>
          </a:xfrm>
          <a:prstGeom prst="rect">
            <a:avLst/>
          </a:prstGeom>
        </p:spPr>
      </p:pic>
      <p:pic>
        <p:nvPicPr>
          <p:cNvPr id="27" name="Graphic 26" descr="Cell Tower outline">
            <a:extLst>
              <a:ext uri="{FF2B5EF4-FFF2-40B4-BE49-F238E27FC236}">
                <a16:creationId xmlns:a16="http://schemas.microsoft.com/office/drawing/2014/main" id="{268AF073-5653-328A-0139-020D122DB31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2436352" y="5396781"/>
            <a:ext cx="589013" cy="589013"/>
          </a:xfrm>
          <a:prstGeom prst="rect">
            <a:avLst/>
          </a:prstGeom>
        </p:spPr>
      </p:pic>
      <p:pic>
        <p:nvPicPr>
          <p:cNvPr id="28" name="Graphic 27" descr="Cell Tower outline">
            <a:extLst>
              <a:ext uri="{FF2B5EF4-FFF2-40B4-BE49-F238E27FC236}">
                <a16:creationId xmlns:a16="http://schemas.microsoft.com/office/drawing/2014/main" id="{EFE8EF1E-19A8-8955-4F43-BCAA954227D3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09552" y="3676269"/>
            <a:ext cx="589013" cy="589013"/>
          </a:xfrm>
          <a:prstGeom prst="rect">
            <a:avLst/>
          </a:prstGeom>
        </p:spPr>
      </p:pic>
      <p:pic>
        <p:nvPicPr>
          <p:cNvPr id="29" name="Graphic 28" descr="Cell Tower outline">
            <a:extLst>
              <a:ext uri="{FF2B5EF4-FFF2-40B4-BE49-F238E27FC236}">
                <a16:creationId xmlns:a16="http://schemas.microsoft.com/office/drawing/2014/main" id="{5848F20B-321B-B1B9-6BFD-2C677EE77AF6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555217" y="3140171"/>
            <a:ext cx="589013" cy="589013"/>
          </a:xfrm>
          <a:prstGeom prst="rect">
            <a:avLst/>
          </a:prstGeom>
        </p:spPr>
      </p:pic>
      <p:pic>
        <p:nvPicPr>
          <p:cNvPr id="30" name="Graphic 29" descr="Cell Tower outline">
            <a:extLst>
              <a:ext uri="{FF2B5EF4-FFF2-40B4-BE49-F238E27FC236}">
                <a16:creationId xmlns:a16="http://schemas.microsoft.com/office/drawing/2014/main" id="{0C02BCE4-5614-7BBD-3430-2E275C8406C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942755" y="3003415"/>
            <a:ext cx="589013" cy="589013"/>
          </a:xfrm>
          <a:prstGeom prst="rect">
            <a:avLst/>
          </a:prstGeom>
        </p:spPr>
      </p:pic>
      <p:pic>
        <p:nvPicPr>
          <p:cNvPr id="31" name="Graphic 30" descr="Cell Tower outline">
            <a:extLst>
              <a:ext uri="{FF2B5EF4-FFF2-40B4-BE49-F238E27FC236}">
                <a16:creationId xmlns:a16="http://schemas.microsoft.com/office/drawing/2014/main" id="{750D9EBC-C4D6-85B2-52F8-1DD66A4958B4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322981" y="5636594"/>
            <a:ext cx="589013" cy="589013"/>
          </a:xfrm>
          <a:prstGeom prst="rect">
            <a:avLst/>
          </a:prstGeom>
        </p:spPr>
      </p:pic>
      <p:pic>
        <p:nvPicPr>
          <p:cNvPr id="32" name="Picture 31">
            <a:extLst>
              <a:ext uri="{FF2B5EF4-FFF2-40B4-BE49-F238E27FC236}">
                <a16:creationId xmlns:a16="http://schemas.microsoft.com/office/drawing/2014/main" id="{F6C959D5-13C6-84FC-8819-4FD1378D6092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581437" y="2070614"/>
            <a:ext cx="4661800" cy="2867499"/>
          </a:xfrm>
          <a:prstGeom prst="rect">
            <a:avLst/>
          </a:prstGeom>
        </p:spPr>
      </p:pic>
      <p:sp>
        <p:nvSpPr>
          <p:cNvPr id="33" name="Rectangle: Rounded Corners 32">
            <a:extLst>
              <a:ext uri="{FF2B5EF4-FFF2-40B4-BE49-F238E27FC236}">
                <a16:creationId xmlns:a16="http://schemas.microsoft.com/office/drawing/2014/main" id="{3D6394E2-4524-C32A-2BEA-658D5C7B7490}"/>
              </a:ext>
            </a:extLst>
          </p:cNvPr>
          <p:cNvSpPr/>
          <p:nvPr/>
        </p:nvSpPr>
        <p:spPr>
          <a:xfrm>
            <a:off x="9936107" y="5156837"/>
            <a:ext cx="1260389" cy="687757"/>
          </a:xfrm>
          <a:prstGeom prst="roundRect">
            <a:avLst/>
          </a:prstGeom>
          <a:solidFill>
            <a:schemeClr val="accent1">
              <a:lumMod val="20000"/>
              <a:lumOff val="80000"/>
            </a:schemeClr>
          </a:solidFill>
          <a:ln w="9525"/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s-ES" sz="933" b="1" dirty="0" err="1">
                <a:latin typeface="Ericsson Hilda (Body)"/>
              </a:rPr>
              <a:t>Optimization</a:t>
            </a:r>
            <a:endParaRPr lang="es-ES" sz="933" b="1" dirty="0">
              <a:latin typeface="Ericsson Hilda (Body)"/>
            </a:endParaRPr>
          </a:p>
        </p:txBody>
      </p:sp>
      <p:cxnSp>
        <p:nvCxnSpPr>
          <p:cNvPr id="34" name="Straight Arrow Connector 33">
            <a:extLst>
              <a:ext uri="{FF2B5EF4-FFF2-40B4-BE49-F238E27FC236}">
                <a16:creationId xmlns:a16="http://schemas.microsoft.com/office/drawing/2014/main" id="{CC31204A-9EB0-EC47-4391-D62CA67E799C}"/>
              </a:ext>
            </a:extLst>
          </p:cNvPr>
          <p:cNvCxnSpPr>
            <a:stCxn id="33" idx="0"/>
          </p:cNvCxnSpPr>
          <p:nvPr/>
        </p:nvCxnSpPr>
        <p:spPr>
          <a:xfrm flipV="1">
            <a:off x="10566301" y="4753186"/>
            <a:ext cx="4120" cy="403651"/>
          </a:xfrm>
          <a:prstGeom prst="straightConnector1">
            <a:avLst/>
          </a:prstGeom>
          <a:ln>
            <a:prstDash val="dash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35" name="Rectangle 34">
            <a:extLst>
              <a:ext uri="{FF2B5EF4-FFF2-40B4-BE49-F238E27FC236}">
                <a16:creationId xmlns:a16="http://schemas.microsoft.com/office/drawing/2014/main" id="{E6CC31D3-DBB2-15BC-6E17-C29154E2270A}"/>
              </a:ext>
            </a:extLst>
          </p:cNvPr>
          <p:cNvSpPr/>
          <p:nvPr/>
        </p:nvSpPr>
        <p:spPr>
          <a:xfrm>
            <a:off x="366768" y="1557338"/>
            <a:ext cx="4915447" cy="31810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467" b="1" dirty="0">
                <a:solidFill>
                  <a:srgbClr val="181818"/>
                </a:solidFill>
                <a:latin typeface="Ericsson Hilda (Body)"/>
              </a:rPr>
              <a:t>Cellular Network</a:t>
            </a:r>
            <a:endParaRPr lang="en-US" sz="1400" dirty="0">
              <a:latin typeface="Ericsson Hilda (Body)"/>
            </a:endParaRPr>
          </a:p>
        </p:txBody>
      </p:sp>
      <p:sp>
        <p:nvSpPr>
          <p:cNvPr id="36" name="Rectangle 35">
            <a:extLst>
              <a:ext uri="{FF2B5EF4-FFF2-40B4-BE49-F238E27FC236}">
                <a16:creationId xmlns:a16="http://schemas.microsoft.com/office/drawing/2014/main" id="{CD5DB5FE-FA14-571E-D1C1-0FFB4D0B3F9A}"/>
              </a:ext>
            </a:extLst>
          </p:cNvPr>
          <p:cNvSpPr/>
          <p:nvPr/>
        </p:nvSpPr>
        <p:spPr>
          <a:xfrm>
            <a:off x="6601358" y="1620789"/>
            <a:ext cx="4915447" cy="31810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467" b="1" dirty="0">
                <a:solidFill>
                  <a:srgbClr val="181818"/>
                </a:solidFill>
                <a:latin typeface="Ericsson Hilda (Body)"/>
              </a:rPr>
              <a:t>Solution Architecture</a:t>
            </a:r>
            <a:endParaRPr lang="en-US" sz="1400" dirty="0">
              <a:latin typeface="Ericsson Hilda (Body)"/>
            </a:endParaRPr>
          </a:p>
        </p:txBody>
      </p:sp>
    </p:spTree>
    <p:extLst>
      <p:ext uri="{BB962C8B-B14F-4D97-AF65-F5344CB8AC3E}">
        <p14:creationId xmlns:p14="http://schemas.microsoft.com/office/powerpoint/2010/main" val="308179650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74A1044-8DD4-0C15-41F1-45A0C62C348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Uplink Interference</a:t>
            </a:r>
          </a:p>
        </p:txBody>
      </p:sp>
      <p:sp>
        <p:nvSpPr>
          <p:cNvPr id="4" name="Oval 3">
            <a:extLst>
              <a:ext uri="{FF2B5EF4-FFF2-40B4-BE49-F238E27FC236}">
                <a16:creationId xmlns:a16="http://schemas.microsoft.com/office/drawing/2014/main" id="{27B4141A-4340-06AE-59F6-2C5DA4E3387D}"/>
              </a:ext>
            </a:extLst>
          </p:cNvPr>
          <p:cNvSpPr/>
          <p:nvPr/>
        </p:nvSpPr>
        <p:spPr>
          <a:xfrm>
            <a:off x="1120345" y="1831375"/>
            <a:ext cx="5696464" cy="2961503"/>
          </a:xfrm>
          <a:prstGeom prst="ellipse">
            <a:avLst/>
          </a:prstGeom>
          <a:noFill/>
          <a:ln w="9525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5"/>
          </a:fontRef>
        </p:style>
        <p:txBody>
          <a:bodyPr rtlCol="0" anchor="ctr"/>
          <a:lstStyle/>
          <a:p>
            <a:pPr algn="ctr"/>
            <a:endParaRPr lang="es-ES"/>
          </a:p>
        </p:txBody>
      </p:sp>
      <p:sp>
        <p:nvSpPr>
          <p:cNvPr id="5" name="Oval 4">
            <a:extLst>
              <a:ext uri="{FF2B5EF4-FFF2-40B4-BE49-F238E27FC236}">
                <a16:creationId xmlns:a16="http://schemas.microsoft.com/office/drawing/2014/main" id="{A71A64CE-FD26-9F2B-4473-8425A6C81311}"/>
              </a:ext>
            </a:extLst>
          </p:cNvPr>
          <p:cNvSpPr/>
          <p:nvPr/>
        </p:nvSpPr>
        <p:spPr>
          <a:xfrm>
            <a:off x="5811792" y="1781945"/>
            <a:ext cx="5696464" cy="2961503"/>
          </a:xfrm>
          <a:prstGeom prst="ellipse">
            <a:avLst/>
          </a:prstGeom>
          <a:noFill/>
          <a:ln w="9525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1"/>
          </a:fontRef>
        </p:style>
        <p:txBody>
          <a:bodyPr rtlCol="0" anchor="ctr"/>
          <a:lstStyle/>
          <a:p>
            <a:pPr algn="ctr"/>
            <a:endParaRPr lang="es-ES"/>
          </a:p>
        </p:txBody>
      </p:sp>
      <p:pic>
        <p:nvPicPr>
          <p:cNvPr id="6" name="Graphic 5" descr="Cell Tower with solid fill">
            <a:extLst>
              <a:ext uri="{FF2B5EF4-FFF2-40B4-BE49-F238E27FC236}">
                <a16:creationId xmlns:a16="http://schemas.microsoft.com/office/drawing/2014/main" id="{2FB4DB81-6480-1962-8706-09DA36AA4A46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2963561" y="1689266"/>
            <a:ext cx="2010033" cy="2010033"/>
          </a:xfrm>
          <a:prstGeom prst="rect">
            <a:avLst/>
          </a:prstGeom>
        </p:spPr>
      </p:pic>
      <p:pic>
        <p:nvPicPr>
          <p:cNvPr id="7" name="Graphic 6" descr="Cell Tower outline">
            <a:extLst>
              <a:ext uri="{FF2B5EF4-FFF2-40B4-BE49-F238E27FC236}">
                <a16:creationId xmlns:a16="http://schemas.microsoft.com/office/drawing/2014/main" id="{57FDDF4A-7456-1B09-0863-4D9F3E85D08B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7564392" y="1732514"/>
            <a:ext cx="2191265" cy="2191265"/>
          </a:xfrm>
          <a:prstGeom prst="rect">
            <a:avLst/>
          </a:prstGeom>
        </p:spPr>
      </p:pic>
      <p:pic>
        <p:nvPicPr>
          <p:cNvPr id="8" name="Graphic 7" descr="Phone Vibration with solid fill">
            <a:extLst>
              <a:ext uri="{FF2B5EF4-FFF2-40B4-BE49-F238E27FC236}">
                <a16:creationId xmlns:a16="http://schemas.microsoft.com/office/drawing/2014/main" id="{B72CF577-4C69-8091-0B65-904D51FCC0C2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5832388" y="2826090"/>
            <a:ext cx="873209" cy="873209"/>
          </a:xfrm>
          <a:prstGeom prst="rect">
            <a:avLst/>
          </a:prstGeom>
        </p:spPr>
      </p:pic>
      <p:cxnSp>
        <p:nvCxnSpPr>
          <p:cNvPr id="9" name="Straight Arrow Connector 8">
            <a:extLst>
              <a:ext uri="{FF2B5EF4-FFF2-40B4-BE49-F238E27FC236}">
                <a16:creationId xmlns:a16="http://schemas.microsoft.com/office/drawing/2014/main" id="{DB52D09B-4BD3-9A3B-D4AD-2F749936E594}"/>
              </a:ext>
            </a:extLst>
          </p:cNvPr>
          <p:cNvCxnSpPr>
            <a:cxnSpLocks/>
          </p:cNvCxnSpPr>
          <p:nvPr/>
        </p:nvCxnSpPr>
        <p:spPr>
          <a:xfrm>
            <a:off x="4733664" y="2610872"/>
            <a:ext cx="1209936" cy="464416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5"/>
          </a:lnRef>
          <a:fillRef idx="0">
            <a:schemeClr val="accent5"/>
          </a:fillRef>
          <a:effectRef idx="0">
            <a:schemeClr val="accent5"/>
          </a:effectRef>
          <a:fontRef idx="minor">
            <a:schemeClr val="tx1"/>
          </a:fontRef>
        </p:style>
      </p:cxnSp>
      <p:cxnSp>
        <p:nvCxnSpPr>
          <p:cNvPr id="10" name="Straight Arrow Connector 9">
            <a:extLst>
              <a:ext uri="{FF2B5EF4-FFF2-40B4-BE49-F238E27FC236}">
                <a16:creationId xmlns:a16="http://schemas.microsoft.com/office/drawing/2014/main" id="{20409417-9041-758A-589D-F85D2BAC82B8}"/>
              </a:ext>
            </a:extLst>
          </p:cNvPr>
          <p:cNvCxnSpPr>
            <a:cxnSpLocks/>
          </p:cNvCxnSpPr>
          <p:nvPr/>
        </p:nvCxnSpPr>
        <p:spPr>
          <a:xfrm flipH="1" flipV="1">
            <a:off x="4663645" y="2776659"/>
            <a:ext cx="1186248" cy="440739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5"/>
          </a:lnRef>
          <a:fillRef idx="0">
            <a:schemeClr val="accent5"/>
          </a:fillRef>
          <a:effectRef idx="0">
            <a:schemeClr val="accent5"/>
          </a:effectRef>
          <a:fontRef idx="minor">
            <a:schemeClr val="tx1"/>
          </a:fontRef>
        </p:style>
      </p:cxn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E8B12B34-D3B9-F09A-8523-32E023D645D3}"/>
              </a:ext>
            </a:extLst>
          </p:cNvPr>
          <p:cNvCxnSpPr>
            <a:cxnSpLocks/>
            <a:endCxn id="4" idx="6"/>
          </p:cNvCxnSpPr>
          <p:nvPr/>
        </p:nvCxnSpPr>
        <p:spPr>
          <a:xfrm flipH="1">
            <a:off x="6816810" y="3075289"/>
            <a:ext cx="1182132" cy="236839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A9C960F9-B281-AF4B-2762-1C9F76576561}"/>
              </a:ext>
            </a:extLst>
          </p:cNvPr>
          <p:cNvCxnSpPr>
            <a:cxnSpLocks/>
          </p:cNvCxnSpPr>
          <p:nvPr/>
        </p:nvCxnSpPr>
        <p:spPr>
          <a:xfrm flipV="1">
            <a:off x="6775615" y="2945544"/>
            <a:ext cx="1223327" cy="229113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Box 12">
            <a:extLst>
              <a:ext uri="{FF2B5EF4-FFF2-40B4-BE49-F238E27FC236}">
                <a16:creationId xmlns:a16="http://schemas.microsoft.com/office/drawing/2014/main" id="{CD3157F3-BDCC-0F0D-4BA6-7C1EEDFE6BEF}"/>
              </a:ext>
            </a:extLst>
          </p:cNvPr>
          <p:cNvSpPr txBox="1"/>
          <p:nvPr/>
        </p:nvSpPr>
        <p:spPr>
          <a:xfrm>
            <a:off x="6268991" y="785170"/>
            <a:ext cx="3414588" cy="369332"/>
          </a:xfrm>
          <a:prstGeom prst="rect">
            <a:avLst/>
          </a:prstGeom>
          <a:ln w="9525">
            <a:solidFill>
              <a:schemeClr val="accent2"/>
            </a:solidFill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r>
              <a:rPr lang="es-ES" dirty="0"/>
              <a:t>Interference from neighbor cell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347DBAA0-A421-7CB2-7DC0-5B783D05F46D}"/>
              </a:ext>
            </a:extLst>
          </p:cNvPr>
          <p:cNvSpPr txBox="1"/>
          <p:nvPr/>
        </p:nvSpPr>
        <p:spPr>
          <a:xfrm>
            <a:off x="2868822" y="3595187"/>
            <a:ext cx="2195389" cy="369332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es-ES" dirty="0"/>
              <a:t>Serving eNB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E0C9C55C-2A39-D9FD-A61C-12B00FBFFAD2}"/>
              </a:ext>
            </a:extLst>
          </p:cNvPr>
          <p:cNvSpPr txBox="1"/>
          <p:nvPr/>
        </p:nvSpPr>
        <p:spPr>
          <a:xfrm>
            <a:off x="7473428" y="3712829"/>
            <a:ext cx="2373189" cy="369332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es-ES" dirty="0"/>
              <a:t>Neighbor eNB</a:t>
            </a:r>
          </a:p>
        </p:txBody>
      </p:sp>
      <p:cxnSp>
        <p:nvCxnSpPr>
          <p:cNvPr id="16" name="Straight Arrow Connector 15">
            <a:extLst>
              <a:ext uri="{FF2B5EF4-FFF2-40B4-BE49-F238E27FC236}">
                <a16:creationId xmlns:a16="http://schemas.microsoft.com/office/drawing/2014/main" id="{3F269CD2-03C4-4F3C-4A85-F8DEA0926203}"/>
              </a:ext>
            </a:extLst>
          </p:cNvPr>
          <p:cNvCxnSpPr>
            <a:stCxn id="13" idx="2"/>
          </p:cNvCxnSpPr>
          <p:nvPr/>
        </p:nvCxnSpPr>
        <p:spPr>
          <a:xfrm flipH="1">
            <a:off x="7407875" y="1154502"/>
            <a:ext cx="568410" cy="1789618"/>
          </a:xfrm>
          <a:prstGeom prst="straightConnector1">
            <a:avLst/>
          </a:prstGeom>
          <a:ln w="9525" cap="flat" cmpd="sng" algn="ctr">
            <a:solidFill>
              <a:schemeClr val="accent2"/>
            </a:solidFill>
            <a:prstDash val="sysDash"/>
            <a:round/>
            <a:headEnd type="none" w="med" len="med"/>
            <a:tailEnd type="arrow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sp>
        <p:nvSpPr>
          <p:cNvPr id="17" name="TextBox 16">
            <a:extLst>
              <a:ext uri="{FF2B5EF4-FFF2-40B4-BE49-F238E27FC236}">
                <a16:creationId xmlns:a16="http://schemas.microsoft.com/office/drawing/2014/main" id="{B2F8A8A5-0DD6-E756-F662-C006213FD601}"/>
              </a:ext>
            </a:extLst>
          </p:cNvPr>
          <p:cNvSpPr txBox="1"/>
          <p:nvPr/>
        </p:nvSpPr>
        <p:spPr bwMode="auto">
          <a:xfrm>
            <a:off x="244253" y="5069448"/>
            <a:ext cx="5699347" cy="1267107"/>
          </a:xfrm>
          <a:prstGeom prst="rect">
            <a:avLst/>
          </a:prstGeom>
          <a:noFill/>
          <a:ln w="12700">
            <a:solidFill>
              <a:schemeClr val="accent5">
                <a:lumMod val="75000"/>
              </a:schemeClr>
            </a:solidFill>
            <a:miter lim="800000"/>
            <a:headEnd/>
            <a:tailEnd/>
          </a:ln>
        </p:spPr>
        <p:txBody>
          <a:bodyPr vert="horz" wrap="square" lIns="96000" tIns="48000" rIns="97536" bIns="48768" numCol="1" rtlCol="0" anchor="t" anchorCtr="0" compatLnSpc="1">
            <a:prstTxWarp prst="textNoShape">
              <a:avLst/>
            </a:prstTxWarp>
            <a:noAutofit/>
          </a:bodyPr>
          <a:lstStyle/>
          <a:p>
            <a:pPr algn="ctr" defTabSz="1219170" rtl="0">
              <a:buClr>
                <a:srgbClr val="181818"/>
              </a:buClr>
              <a:defRPr/>
            </a:pPr>
            <a:r>
              <a:rPr lang="en-US" sz="1867" u="sng" kern="1200" dirty="0">
                <a:solidFill>
                  <a:srgbClr val="181818"/>
                </a:solidFill>
                <a:latin typeface="Ericsson Hilda"/>
                <a:ea typeface="+mn-ea"/>
                <a:cs typeface="+mn-cs"/>
              </a:rPr>
              <a:t>pZeroNominalPusch (p0)</a:t>
            </a:r>
          </a:p>
          <a:p>
            <a:pPr marL="1068891" lvl="1" indent="-459306" algn="l" defTabSz="1219170" rtl="0">
              <a:buClr>
                <a:srgbClr val="181818"/>
              </a:buClr>
              <a:buFont typeface="Ericsson Hilda Light" panose="00000400000000000000" pitchFamily="2" charset="0"/>
              <a:buChar char="—"/>
              <a:defRPr/>
            </a:pPr>
            <a:r>
              <a:rPr lang="en-US" sz="1867" kern="1200" dirty="0">
                <a:solidFill>
                  <a:srgbClr val="181818"/>
                </a:solidFill>
                <a:latin typeface="Ericsson Hilda"/>
                <a:ea typeface="+mn-ea"/>
                <a:cs typeface="+mn-cs"/>
              </a:rPr>
              <a:t>Target uplink transmission power of UE</a:t>
            </a:r>
          </a:p>
          <a:p>
            <a:pPr marL="1068891" lvl="1" indent="-459306" algn="l" defTabSz="1219170" rtl="0">
              <a:buClr>
                <a:srgbClr val="181818"/>
              </a:buClr>
              <a:buFont typeface="Ericsson Hilda Light" panose="00000400000000000000" pitchFamily="2" charset="0"/>
              <a:buChar char="—"/>
              <a:defRPr/>
            </a:pPr>
            <a:r>
              <a:rPr lang="en-US" sz="1867" kern="1200" dirty="0">
                <a:solidFill>
                  <a:srgbClr val="181818"/>
                </a:solidFill>
                <a:latin typeface="Ericsson Hilda"/>
                <a:ea typeface="+mn-ea"/>
                <a:cs typeface="+mn-cs"/>
              </a:rPr>
              <a:t>High p0 = </a:t>
            </a:r>
            <a:r>
              <a:rPr lang="en-US" sz="1867" kern="1200" dirty="0">
                <a:solidFill>
                  <a:srgbClr val="0FC373">
                    <a:lumMod val="75000"/>
                  </a:srgbClr>
                </a:solidFill>
                <a:latin typeface="Ericsson Hilda"/>
                <a:ea typeface="+mn-ea"/>
                <a:cs typeface="+mn-cs"/>
              </a:rPr>
              <a:t>high UE throughput</a:t>
            </a:r>
            <a:r>
              <a:rPr lang="en-US" sz="1867" kern="1200" dirty="0">
                <a:solidFill>
                  <a:srgbClr val="181818"/>
                </a:solidFill>
                <a:latin typeface="Ericsson Hilda"/>
                <a:ea typeface="+mn-ea"/>
                <a:cs typeface="+mn-cs"/>
              </a:rPr>
              <a:t>, but also </a:t>
            </a:r>
            <a:r>
              <a:rPr lang="en-US" sz="1867" kern="1200" dirty="0">
                <a:solidFill>
                  <a:srgbClr val="FF3232"/>
                </a:solidFill>
                <a:latin typeface="Ericsson Hilda"/>
                <a:ea typeface="+mn-ea"/>
                <a:cs typeface="+mn-cs"/>
              </a:rPr>
              <a:t>higher interference on neighbors</a:t>
            </a:r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1E31F9C9-11A4-2776-5DA9-C5EFB7F611DE}"/>
              </a:ext>
            </a:extLst>
          </p:cNvPr>
          <p:cNvSpPr/>
          <p:nvPr/>
        </p:nvSpPr>
        <p:spPr>
          <a:xfrm>
            <a:off x="6096000" y="5064412"/>
            <a:ext cx="5851747" cy="1241622"/>
          </a:xfrm>
          <a:prstGeom prst="rect">
            <a:avLst/>
          </a:prstGeom>
          <a:ln w="12700">
            <a:solidFill>
              <a:schemeClr val="accent5">
                <a:lumMod val="75000"/>
              </a:schemeClr>
            </a:solidFill>
          </a:ln>
        </p:spPr>
        <p:txBody>
          <a:bodyPr wrap="square">
            <a:spAutoFit/>
          </a:bodyPr>
          <a:lstStyle/>
          <a:p>
            <a:pPr algn="ctr" defTabSz="1219170" rtl="0">
              <a:buClr>
                <a:srgbClr val="181818"/>
              </a:buClr>
              <a:defRPr/>
            </a:pPr>
            <a:r>
              <a:rPr lang="en-US" sz="1867" u="sng" kern="1200" dirty="0">
                <a:solidFill>
                  <a:srgbClr val="181818"/>
                </a:solidFill>
                <a:latin typeface="Ericsson Hilda"/>
                <a:ea typeface="+mn-ea"/>
                <a:cs typeface="+mn-cs"/>
              </a:rPr>
              <a:t>Alpha (a)</a:t>
            </a:r>
          </a:p>
          <a:p>
            <a:pPr marL="1068891" lvl="1" indent="-459306" algn="l" defTabSz="1219170" rtl="0">
              <a:buClr>
                <a:srgbClr val="181818"/>
              </a:buClr>
              <a:buFont typeface="Ericsson Hilda Light" panose="00000400000000000000" pitchFamily="2" charset="0"/>
              <a:buChar char="—"/>
              <a:defRPr/>
            </a:pPr>
            <a:r>
              <a:rPr lang="en-US" sz="1867" kern="1200" dirty="0">
                <a:solidFill>
                  <a:srgbClr val="181818"/>
                </a:solidFill>
                <a:latin typeface="Ericsson Hilda"/>
                <a:ea typeface="+mn-ea"/>
                <a:cs typeface="+mn-cs"/>
              </a:rPr>
              <a:t>Pathloss compensation factor</a:t>
            </a:r>
          </a:p>
          <a:p>
            <a:pPr marL="1068891" lvl="1" indent="-459306" algn="l" defTabSz="1219170" rtl="0">
              <a:buClr>
                <a:srgbClr val="181818"/>
              </a:buClr>
              <a:buFont typeface="Ericsson Hilda Light" panose="00000400000000000000" pitchFamily="2" charset="0"/>
              <a:buChar char="—"/>
              <a:defRPr/>
            </a:pPr>
            <a:r>
              <a:rPr lang="en-US" sz="1867" kern="1200" dirty="0">
                <a:solidFill>
                  <a:srgbClr val="181818"/>
                </a:solidFill>
                <a:latin typeface="Ericsson Hilda"/>
                <a:ea typeface="+mn-ea"/>
                <a:cs typeface="+mn-cs"/>
              </a:rPr>
              <a:t>High a = </a:t>
            </a:r>
            <a:r>
              <a:rPr lang="en-US" sz="1867" kern="1200" dirty="0">
                <a:solidFill>
                  <a:srgbClr val="0FC373">
                    <a:lumMod val="75000"/>
                  </a:srgbClr>
                </a:solidFill>
                <a:latin typeface="Ericsson Hilda"/>
                <a:ea typeface="+mn-ea"/>
                <a:cs typeface="+mn-cs"/>
              </a:rPr>
              <a:t>higher UE throughput at cell border</a:t>
            </a:r>
            <a:r>
              <a:rPr lang="en-US" sz="1867" kern="1200" dirty="0">
                <a:solidFill>
                  <a:srgbClr val="181818"/>
                </a:solidFill>
                <a:latin typeface="Ericsson Hilda"/>
                <a:ea typeface="+mn-ea"/>
                <a:cs typeface="+mn-cs"/>
              </a:rPr>
              <a:t>, </a:t>
            </a:r>
            <a:r>
              <a:rPr lang="en-US" sz="1867" kern="1200" dirty="0">
                <a:solidFill>
                  <a:srgbClr val="FF3232"/>
                </a:solidFill>
                <a:latin typeface="Ericsson Hilda"/>
                <a:ea typeface="+mn-ea"/>
                <a:cs typeface="+mn-cs"/>
              </a:rPr>
              <a:t>higher neighbor interference</a:t>
            </a:r>
          </a:p>
        </p:txBody>
      </p:sp>
    </p:spTree>
    <p:extLst>
      <p:ext uri="{BB962C8B-B14F-4D97-AF65-F5344CB8AC3E}">
        <p14:creationId xmlns:p14="http://schemas.microsoft.com/office/powerpoint/2010/main" val="2735342000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" name="Group 3">
            <a:extLst>
              <a:ext uri="{FF2B5EF4-FFF2-40B4-BE49-F238E27FC236}">
                <a16:creationId xmlns:a16="http://schemas.microsoft.com/office/drawing/2014/main" id="{9E144377-0138-5EE3-85E1-E1E458C5D833}"/>
              </a:ext>
            </a:extLst>
          </p:cNvPr>
          <p:cNvGrpSpPr/>
          <p:nvPr/>
        </p:nvGrpSpPr>
        <p:grpSpPr>
          <a:xfrm>
            <a:off x="1586813" y="1007370"/>
            <a:ext cx="4957720" cy="4957720"/>
            <a:chOff x="563891" y="1775585"/>
            <a:chExt cx="3718290" cy="3718290"/>
          </a:xfrm>
        </p:grpSpPr>
        <p:pic>
          <p:nvPicPr>
            <p:cNvPr id="5" name="Picture 4">
              <a:extLst>
                <a:ext uri="{FF2B5EF4-FFF2-40B4-BE49-F238E27FC236}">
                  <a16:creationId xmlns:a16="http://schemas.microsoft.com/office/drawing/2014/main" id="{20DF1085-CF39-6677-CDC7-A84A4E981A2E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563891" y="1775585"/>
              <a:ext cx="3718290" cy="371829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B829D268-89A7-8AB9-EFE9-6B992678B9A8}"/>
                </a:ext>
              </a:extLst>
            </p:cNvPr>
            <p:cNvSpPr/>
            <p:nvPr/>
          </p:nvSpPr>
          <p:spPr bwMode="auto">
            <a:xfrm>
              <a:off x="2917435" y="2935134"/>
              <a:ext cx="421078" cy="465288"/>
            </a:xfrm>
            <a:prstGeom prst="rect">
              <a:avLst/>
            </a:prstGeom>
            <a:solidFill>
              <a:schemeClr val="accent1">
                <a:alpha val="20000"/>
              </a:schemeClr>
            </a:solidFill>
            <a:ln w="1270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239994" indent="-239994">
                <a:spcBef>
                  <a:spcPts val="1067"/>
                </a:spcBef>
                <a:buFont typeface="Ericsson Hilda" panose="00000500000000000000" pitchFamily="2" charset="0"/>
                <a:buChar char="●"/>
              </a:pPr>
              <a:endParaRPr lang="en-US" sz="2400" err="1">
                <a:solidFill>
                  <a:srgbClr val="FFFFFF"/>
                </a:solidFill>
              </a:endParaRPr>
            </a:p>
          </p:txBody>
        </p:sp>
      </p:grpSp>
      <p:pic>
        <p:nvPicPr>
          <p:cNvPr id="7" name="Picture 6">
            <a:extLst>
              <a:ext uri="{FF2B5EF4-FFF2-40B4-BE49-F238E27FC236}">
                <a16:creationId xmlns:a16="http://schemas.microsoft.com/office/drawing/2014/main" id="{63DB20BD-2E53-E738-91DA-025733DE278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660170" y="3261530"/>
            <a:ext cx="1015685" cy="1048369"/>
          </a:xfrm>
          <a:prstGeom prst="rect">
            <a:avLst/>
          </a:prstGeom>
        </p:spPr>
      </p:pic>
      <p:pic>
        <p:nvPicPr>
          <p:cNvPr id="8" name="Picture 4" descr="Configuration Management - Visualisation - YouTube">
            <a:extLst>
              <a:ext uri="{FF2B5EF4-FFF2-40B4-BE49-F238E27FC236}">
                <a16:creationId xmlns:a16="http://schemas.microsoft.com/office/drawing/2014/main" id="{D3E28529-A6E5-284A-3475-FCEE5DDBA10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697993" y="4537851"/>
            <a:ext cx="952691" cy="53606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C94D6AF2-D6DB-04F8-15B8-A9A8392524C0}"/>
              </a:ext>
            </a:extLst>
          </p:cNvPr>
          <p:cNvSpPr txBox="1"/>
          <p:nvPr/>
        </p:nvSpPr>
        <p:spPr>
          <a:xfrm>
            <a:off x="6200863" y="1837404"/>
            <a:ext cx="2228403" cy="1806113"/>
          </a:xfrm>
          <a:prstGeom prst="rect">
            <a:avLst/>
          </a:prstGeom>
        </p:spPr>
        <p:txBody>
          <a:bodyPr vert="horz" wrap="square" lIns="96000" tIns="48000" rIns="96000" bIns="48000" rtlCol="0" anchor="t">
            <a:noAutofit/>
          </a:bodyPr>
          <a:lstStyle/>
          <a:p>
            <a:pPr fontAlgn="base">
              <a:spcBef>
                <a:spcPts val="533"/>
              </a:spcBef>
              <a:spcAft>
                <a:spcPct val="0"/>
              </a:spcAft>
            </a:pPr>
            <a:r>
              <a:rPr lang="en-US" sz="1067" b="1" dirty="0">
                <a:cs typeface="Arial"/>
              </a:rPr>
              <a:t>Relation information:</a:t>
            </a:r>
          </a:p>
          <a:p>
            <a:pPr defTabSz="1219170" fontAlgn="base">
              <a:spcBef>
                <a:spcPts val="533"/>
              </a:spcBef>
              <a:spcAft>
                <a:spcPct val="0"/>
              </a:spcAft>
            </a:pPr>
            <a:r>
              <a:rPr lang="en-US" sz="1067" dirty="0">
                <a:cs typeface="Arial"/>
              </a:rPr>
              <a:t>- Physical distance</a:t>
            </a:r>
          </a:p>
          <a:p>
            <a:pPr defTabSz="1219170" fontAlgn="base">
              <a:spcBef>
                <a:spcPts val="533"/>
              </a:spcBef>
              <a:spcAft>
                <a:spcPct val="0"/>
              </a:spcAft>
            </a:pPr>
            <a:r>
              <a:rPr lang="en-US" sz="1067" dirty="0">
                <a:cs typeface="Arial"/>
              </a:rPr>
              <a:t>- Traffic exchanged</a:t>
            </a:r>
          </a:p>
          <a:p>
            <a:pPr defTabSz="1219170" fontAlgn="base">
              <a:spcBef>
                <a:spcPts val="533"/>
              </a:spcBef>
              <a:spcAft>
                <a:spcPct val="0"/>
              </a:spcAft>
            </a:pPr>
            <a:r>
              <a:rPr lang="en-US" sz="1067" dirty="0">
                <a:cs typeface="Arial"/>
              </a:rPr>
              <a:t>- Footprint overlap</a:t>
            </a:r>
          </a:p>
          <a:p>
            <a:pPr defTabSz="1219170" fontAlgn="base">
              <a:spcBef>
                <a:spcPts val="533"/>
              </a:spcBef>
              <a:spcAft>
                <a:spcPct val="0"/>
              </a:spcAft>
            </a:pPr>
            <a:r>
              <a:rPr lang="en-US" sz="1067" dirty="0">
                <a:cs typeface="Arial"/>
              </a:rPr>
              <a:t>- Relation parameters</a:t>
            </a:r>
          </a:p>
        </p:txBody>
      </p:sp>
      <p:sp>
        <p:nvSpPr>
          <p:cNvPr id="10" name="Left Brace 9">
            <a:extLst>
              <a:ext uri="{FF2B5EF4-FFF2-40B4-BE49-F238E27FC236}">
                <a16:creationId xmlns:a16="http://schemas.microsoft.com/office/drawing/2014/main" id="{46CB386A-E9F0-1A0D-54E7-898F366DB97D}"/>
              </a:ext>
            </a:extLst>
          </p:cNvPr>
          <p:cNvSpPr/>
          <p:nvPr/>
        </p:nvSpPr>
        <p:spPr bwMode="auto">
          <a:xfrm>
            <a:off x="8429265" y="3033501"/>
            <a:ext cx="194891" cy="2111856"/>
          </a:xfrm>
          <a:prstGeom prst="leftBrace">
            <a:avLst/>
          </a:prstGeom>
          <a:noFill/>
          <a:ln w="63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/>
          </a:ln>
          <a:effectLst/>
        </p:spPr>
        <p:txBody>
          <a:bodyPr rtlCol="0" anchor="ctr"/>
          <a:lstStyle/>
          <a:p>
            <a:pPr algn="ctr"/>
            <a:endParaRPr lang="en-US" sz="2400"/>
          </a:p>
        </p:txBody>
      </p:sp>
      <p:grpSp>
        <p:nvGrpSpPr>
          <p:cNvPr id="11" name="Group 10">
            <a:extLst>
              <a:ext uri="{FF2B5EF4-FFF2-40B4-BE49-F238E27FC236}">
                <a16:creationId xmlns:a16="http://schemas.microsoft.com/office/drawing/2014/main" id="{D12F3845-7745-986C-FE61-657E8646F19E}"/>
              </a:ext>
            </a:extLst>
          </p:cNvPr>
          <p:cNvGrpSpPr/>
          <p:nvPr/>
        </p:nvGrpSpPr>
        <p:grpSpPr>
          <a:xfrm>
            <a:off x="8020583" y="1740359"/>
            <a:ext cx="2178932" cy="1177092"/>
            <a:chOff x="4117705" y="3552061"/>
            <a:chExt cx="2761553" cy="1553971"/>
          </a:xfrm>
        </p:grpSpPr>
        <p:grpSp>
          <p:nvGrpSpPr>
            <p:cNvPr id="12" name="Group 11">
              <a:extLst>
                <a:ext uri="{FF2B5EF4-FFF2-40B4-BE49-F238E27FC236}">
                  <a16:creationId xmlns:a16="http://schemas.microsoft.com/office/drawing/2014/main" id="{E1A8FEE0-9B65-05E2-86C9-D51FDDB080A2}"/>
                </a:ext>
              </a:extLst>
            </p:cNvPr>
            <p:cNvGrpSpPr/>
            <p:nvPr/>
          </p:nvGrpSpPr>
          <p:grpSpPr>
            <a:xfrm>
              <a:off x="4117705" y="3555637"/>
              <a:ext cx="2761553" cy="1550395"/>
              <a:chOff x="6420389" y="5201141"/>
              <a:chExt cx="2761553" cy="1550395"/>
            </a:xfrm>
          </p:grpSpPr>
          <p:pic>
            <p:nvPicPr>
              <p:cNvPr id="120" name="Picture 6" descr="3 Ways Aerial Imagery Can Be Used To Advance Sustainability | Nearmap US">
                <a:extLst>
                  <a:ext uri="{FF2B5EF4-FFF2-40B4-BE49-F238E27FC236}">
                    <a16:creationId xmlns:a16="http://schemas.microsoft.com/office/drawing/2014/main" id="{60F49663-E37D-0BC5-8B32-858628DCEC3A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5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6427120" y="5201141"/>
                <a:ext cx="2754822" cy="1550395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sp>
            <p:nvSpPr>
              <p:cNvPr id="121" name="Rectangle 120">
                <a:extLst>
                  <a:ext uri="{FF2B5EF4-FFF2-40B4-BE49-F238E27FC236}">
                    <a16:creationId xmlns:a16="http://schemas.microsoft.com/office/drawing/2014/main" id="{C4DA55CD-03F0-02C2-570E-78F4D5A09068}"/>
                  </a:ext>
                </a:extLst>
              </p:cNvPr>
              <p:cNvSpPr/>
              <p:nvPr/>
            </p:nvSpPr>
            <p:spPr bwMode="auto">
              <a:xfrm>
                <a:off x="6420389" y="5201141"/>
                <a:ext cx="2761553" cy="1550236"/>
              </a:xfrm>
              <a:prstGeom prst="rect">
                <a:avLst/>
              </a:prstGeom>
              <a:solidFill>
                <a:schemeClr val="tx2">
                  <a:lumMod val="75000"/>
                  <a:lumOff val="25000"/>
                  <a:alpha val="50000"/>
                </a:schemeClr>
              </a:solidFill>
              <a:ln w="12700" cap="flat" cmpd="sng" algn="ctr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</p:grpSp>
        <p:sp>
          <p:nvSpPr>
            <p:cNvPr id="13" name="Isosceles Triangle 12">
              <a:extLst>
                <a:ext uri="{FF2B5EF4-FFF2-40B4-BE49-F238E27FC236}">
                  <a16:creationId xmlns:a16="http://schemas.microsoft.com/office/drawing/2014/main" id="{253E11FA-F4C9-5126-C53F-306986292AE5}"/>
                </a:ext>
              </a:extLst>
            </p:cNvPr>
            <p:cNvSpPr/>
            <p:nvPr/>
          </p:nvSpPr>
          <p:spPr bwMode="auto">
            <a:xfrm rot="13842107">
              <a:off x="4617056" y="3989277"/>
              <a:ext cx="797870" cy="970954"/>
            </a:xfrm>
            <a:prstGeom prst="triangle">
              <a:avLst>
                <a:gd name="adj" fmla="val 49856"/>
              </a:avLst>
            </a:prstGeom>
            <a:solidFill>
              <a:schemeClr val="accent1">
                <a:alpha val="40000"/>
              </a:schemeClr>
            </a:solidFill>
            <a:ln w="1270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239994" indent="-239994">
                <a:spcBef>
                  <a:spcPts val="1067"/>
                </a:spcBef>
                <a:buFont typeface="Ericsson Hilda" panose="00000500000000000000" pitchFamily="2" charset="0"/>
                <a:buChar char="●"/>
              </a:pPr>
              <a:endParaRPr lang="en-US" sz="2400" err="1">
                <a:solidFill>
                  <a:srgbClr val="FFFFFF"/>
                </a:solidFill>
              </a:endParaRPr>
            </a:p>
          </p:txBody>
        </p:sp>
        <p:grpSp>
          <p:nvGrpSpPr>
            <p:cNvPr id="14" name="Group 13">
              <a:extLst>
                <a:ext uri="{FF2B5EF4-FFF2-40B4-BE49-F238E27FC236}">
                  <a16:creationId xmlns:a16="http://schemas.microsoft.com/office/drawing/2014/main" id="{9E4910C8-86FE-39CD-8FB1-F8D40F44F84D}"/>
                </a:ext>
              </a:extLst>
            </p:cNvPr>
            <p:cNvGrpSpPr>
              <a:grpSpLocks noChangeAspect="1"/>
            </p:cNvGrpSpPr>
            <p:nvPr/>
          </p:nvGrpSpPr>
          <p:grpSpPr>
            <a:xfrm rot="6441090">
              <a:off x="5769828" y="3649795"/>
              <a:ext cx="502748" cy="502628"/>
              <a:chOff x="3510813" y="2637775"/>
              <a:chExt cx="2538066" cy="2537460"/>
            </a:xfrm>
            <a:solidFill>
              <a:schemeClr val="accent2">
                <a:lumMod val="40000"/>
                <a:lumOff val="60000"/>
                <a:alpha val="44000"/>
              </a:schemeClr>
            </a:solidFill>
          </p:grpSpPr>
          <p:sp>
            <p:nvSpPr>
              <p:cNvPr id="117" name="Partial Circle 116">
                <a:extLst>
                  <a:ext uri="{FF2B5EF4-FFF2-40B4-BE49-F238E27FC236}">
                    <a16:creationId xmlns:a16="http://schemas.microsoft.com/office/drawing/2014/main" id="{C4116A07-9CDF-2419-BEE1-AC4DC6CD0DD2}"/>
                  </a:ext>
                </a:extLst>
              </p:cNvPr>
              <p:cNvSpPr/>
              <p:nvPr/>
            </p:nvSpPr>
            <p:spPr bwMode="auto">
              <a:xfrm>
                <a:off x="3539375" y="2637775"/>
                <a:ext cx="2465594" cy="2537460"/>
              </a:xfrm>
              <a:prstGeom prst="pie">
                <a:avLst>
                  <a:gd name="adj1" fmla="val 21506223"/>
                  <a:gd name="adj2" fmla="val 4077882"/>
                </a:avLst>
              </a:prstGeom>
              <a:grpFill/>
              <a:ln w="12700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118" name="Partial Circle 117">
                <a:extLst>
                  <a:ext uri="{FF2B5EF4-FFF2-40B4-BE49-F238E27FC236}">
                    <a16:creationId xmlns:a16="http://schemas.microsoft.com/office/drawing/2014/main" id="{6706D81B-E29D-3EA3-D723-608BAC35815D}"/>
                  </a:ext>
                </a:extLst>
              </p:cNvPr>
              <p:cNvSpPr/>
              <p:nvPr/>
            </p:nvSpPr>
            <p:spPr bwMode="auto">
              <a:xfrm rot="6112790">
                <a:off x="3547352" y="2637774"/>
                <a:ext cx="2465594" cy="2537460"/>
              </a:xfrm>
              <a:prstGeom prst="pie">
                <a:avLst>
                  <a:gd name="adj1" fmla="val 21506223"/>
                  <a:gd name="adj2" fmla="val 4077882"/>
                </a:avLst>
              </a:prstGeom>
              <a:grpFill/>
              <a:ln w="12700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119" name="Partial Circle 118">
                <a:extLst>
                  <a:ext uri="{FF2B5EF4-FFF2-40B4-BE49-F238E27FC236}">
                    <a16:creationId xmlns:a16="http://schemas.microsoft.com/office/drawing/2014/main" id="{A9C9FAD8-757A-1293-1D7A-2E01A9E7A878}"/>
                  </a:ext>
                </a:extLst>
              </p:cNvPr>
              <p:cNvSpPr/>
              <p:nvPr/>
            </p:nvSpPr>
            <p:spPr bwMode="auto">
              <a:xfrm rot="14178660">
                <a:off x="3546746" y="2644411"/>
                <a:ext cx="2465594" cy="2537460"/>
              </a:xfrm>
              <a:prstGeom prst="pie">
                <a:avLst>
                  <a:gd name="adj1" fmla="val 21506223"/>
                  <a:gd name="adj2" fmla="val 4077882"/>
                </a:avLst>
              </a:prstGeom>
              <a:grpFill/>
              <a:ln w="12700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</p:grpSp>
        <p:grpSp>
          <p:nvGrpSpPr>
            <p:cNvPr id="15" name="Group 14">
              <a:extLst>
                <a:ext uri="{FF2B5EF4-FFF2-40B4-BE49-F238E27FC236}">
                  <a16:creationId xmlns:a16="http://schemas.microsoft.com/office/drawing/2014/main" id="{F936F122-C6E9-990C-286C-A5DEBCFA522B}"/>
                </a:ext>
              </a:extLst>
            </p:cNvPr>
            <p:cNvGrpSpPr>
              <a:grpSpLocks noChangeAspect="1"/>
            </p:cNvGrpSpPr>
            <p:nvPr/>
          </p:nvGrpSpPr>
          <p:grpSpPr>
            <a:xfrm rot="3291175">
              <a:off x="4381503" y="4535363"/>
              <a:ext cx="502748" cy="502628"/>
              <a:chOff x="3510813" y="2637775"/>
              <a:chExt cx="2538066" cy="2537460"/>
            </a:xfrm>
            <a:solidFill>
              <a:srgbClr val="85CCFF">
                <a:alpha val="44000"/>
              </a:srgbClr>
            </a:solidFill>
          </p:grpSpPr>
          <p:sp>
            <p:nvSpPr>
              <p:cNvPr id="114" name="Partial Circle 113">
                <a:extLst>
                  <a:ext uri="{FF2B5EF4-FFF2-40B4-BE49-F238E27FC236}">
                    <a16:creationId xmlns:a16="http://schemas.microsoft.com/office/drawing/2014/main" id="{B6749A8D-FFC0-9E8D-8984-0A90CB376585}"/>
                  </a:ext>
                </a:extLst>
              </p:cNvPr>
              <p:cNvSpPr/>
              <p:nvPr/>
            </p:nvSpPr>
            <p:spPr bwMode="auto">
              <a:xfrm>
                <a:off x="3539375" y="2637775"/>
                <a:ext cx="2465594" cy="2537460"/>
              </a:xfrm>
              <a:prstGeom prst="pie">
                <a:avLst>
                  <a:gd name="adj1" fmla="val 21506223"/>
                  <a:gd name="adj2" fmla="val 4077882"/>
                </a:avLst>
              </a:prstGeom>
              <a:grpFill/>
              <a:ln w="12700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115" name="Partial Circle 114">
                <a:extLst>
                  <a:ext uri="{FF2B5EF4-FFF2-40B4-BE49-F238E27FC236}">
                    <a16:creationId xmlns:a16="http://schemas.microsoft.com/office/drawing/2014/main" id="{F2713733-1818-59CE-D414-B3D29632B5A9}"/>
                  </a:ext>
                </a:extLst>
              </p:cNvPr>
              <p:cNvSpPr/>
              <p:nvPr/>
            </p:nvSpPr>
            <p:spPr bwMode="auto">
              <a:xfrm rot="6112790">
                <a:off x="3547352" y="2637774"/>
                <a:ext cx="2465594" cy="2537460"/>
              </a:xfrm>
              <a:prstGeom prst="pie">
                <a:avLst>
                  <a:gd name="adj1" fmla="val 21506223"/>
                  <a:gd name="adj2" fmla="val 4077882"/>
                </a:avLst>
              </a:prstGeom>
              <a:grpFill/>
              <a:ln w="12700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116" name="Partial Circle 115">
                <a:extLst>
                  <a:ext uri="{FF2B5EF4-FFF2-40B4-BE49-F238E27FC236}">
                    <a16:creationId xmlns:a16="http://schemas.microsoft.com/office/drawing/2014/main" id="{372D5840-F5DA-7B35-916A-952461186AA5}"/>
                  </a:ext>
                </a:extLst>
              </p:cNvPr>
              <p:cNvSpPr/>
              <p:nvPr/>
            </p:nvSpPr>
            <p:spPr bwMode="auto">
              <a:xfrm rot="14178660">
                <a:off x="3546746" y="2644411"/>
                <a:ext cx="2465594" cy="2537460"/>
              </a:xfrm>
              <a:prstGeom prst="pie">
                <a:avLst>
                  <a:gd name="adj1" fmla="val 21506223"/>
                  <a:gd name="adj2" fmla="val 4077882"/>
                </a:avLst>
              </a:prstGeom>
              <a:grpFill/>
              <a:ln w="12700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</p:grpSp>
        <p:sp>
          <p:nvSpPr>
            <p:cNvPr id="16" name="Isosceles Triangle 15">
              <a:extLst>
                <a:ext uri="{FF2B5EF4-FFF2-40B4-BE49-F238E27FC236}">
                  <a16:creationId xmlns:a16="http://schemas.microsoft.com/office/drawing/2014/main" id="{01369A47-9153-C325-7D93-19E32FE1C1A6}"/>
                </a:ext>
              </a:extLst>
            </p:cNvPr>
            <p:cNvSpPr/>
            <p:nvPr/>
          </p:nvSpPr>
          <p:spPr bwMode="auto">
            <a:xfrm rot="3279738">
              <a:off x="5222868" y="3703823"/>
              <a:ext cx="797870" cy="970954"/>
            </a:xfrm>
            <a:prstGeom prst="triangle">
              <a:avLst>
                <a:gd name="adj" fmla="val 49856"/>
              </a:avLst>
            </a:prstGeom>
            <a:solidFill>
              <a:schemeClr val="accent2">
                <a:lumMod val="40000"/>
                <a:lumOff val="60000"/>
                <a:alpha val="40000"/>
              </a:schemeClr>
            </a:solidFill>
            <a:ln w="1270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239994" indent="-239994">
                <a:spcBef>
                  <a:spcPts val="1067"/>
                </a:spcBef>
                <a:buFont typeface="Ericsson Hilda" panose="00000500000000000000" pitchFamily="2" charset="0"/>
                <a:buChar char="●"/>
              </a:pPr>
              <a:endParaRPr lang="en-US" sz="2400" err="1">
                <a:solidFill>
                  <a:srgbClr val="FFFFFF"/>
                </a:solidFill>
              </a:endParaRPr>
            </a:p>
          </p:txBody>
        </p:sp>
        <p:grpSp>
          <p:nvGrpSpPr>
            <p:cNvPr id="17" name="Group 16">
              <a:extLst>
                <a:ext uri="{FF2B5EF4-FFF2-40B4-BE49-F238E27FC236}">
                  <a16:creationId xmlns:a16="http://schemas.microsoft.com/office/drawing/2014/main" id="{C475E309-9592-C26C-9E6F-A729569AD4B4}"/>
                </a:ext>
              </a:extLst>
            </p:cNvPr>
            <p:cNvGrpSpPr>
              <a:grpSpLocks noChangeAspect="1"/>
            </p:cNvGrpSpPr>
            <p:nvPr/>
          </p:nvGrpSpPr>
          <p:grpSpPr>
            <a:xfrm>
              <a:off x="4597656" y="3552061"/>
              <a:ext cx="2048356" cy="1433380"/>
              <a:chOff x="6949295" y="5226054"/>
              <a:chExt cx="1619661" cy="1219659"/>
            </a:xfrm>
          </p:grpSpPr>
          <p:sp>
            <p:nvSpPr>
              <p:cNvPr id="18" name="Oval 17">
                <a:extLst>
                  <a:ext uri="{FF2B5EF4-FFF2-40B4-BE49-F238E27FC236}">
                    <a16:creationId xmlns:a16="http://schemas.microsoft.com/office/drawing/2014/main" id="{C614E945-6F09-D625-AB3D-17CC3337052E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225417" y="5586633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19" name="Oval 18">
                <a:extLst>
                  <a:ext uri="{FF2B5EF4-FFF2-40B4-BE49-F238E27FC236}">
                    <a16:creationId xmlns:a16="http://schemas.microsoft.com/office/drawing/2014/main" id="{3F95A5C9-F2B4-5C53-3252-1616B0D40F2A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736383" y="5338861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20" name="Oval 19">
                <a:extLst>
                  <a:ext uri="{FF2B5EF4-FFF2-40B4-BE49-F238E27FC236}">
                    <a16:creationId xmlns:a16="http://schemas.microsoft.com/office/drawing/2014/main" id="{38259C16-2C46-47DB-C21E-A6D381AD2A61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6972506" y="5482186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21" name="Oval 20">
                <a:extLst>
                  <a:ext uri="{FF2B5EF4-FFF2-40B4-BE49-F238E27FC236}">
                    <a16:creationId xmlns:a16="http://schemas.microsoft.com/office/drawing/2014/main" id="{F2EE1C9B-4D26-4455-F100-067FD0A967C6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603755" y="5752008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22" name="Oval 21">
                <a:extLst>
                  <a:ext uri="{FF2B5EF4-FFF2-40B4-BE49-F238E27FC236}">
                    <a16:creationId xmlns:a16="http://schemas.microsoft.com/office/drawing/2014/main" id="{58D029F9-2424-EE11-5929-B44D366959CE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298200" y="5844269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23" name="Oval 22">
                <a:extLst>
                  <a:ext uri="{FF2B5EF4-FFF2-40B4-BE49-F238E27FC236}">
                    <a16:creationId xmlns:a16="http://schemas.microsoft.com/office/drawing/2014/main" id="{9D62BBBC-1E41-735A-02D8-97FDCFC9734A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8116534" y="5796108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24" name="Oval 23">
                <a:extLst>
                  <a:ext uri="{FF2B5EF4-FFF2-40B4-BE49-F238E27FC236}">
                    <a16:creationId xmlns:a16="http://schemas.microsoft.com/office/drawing/2014/main" id="{393609B1-54B3-62BF-4C78-B768099F38CB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488532" y="5726476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25" name="Oval 24">
                <a:extLst>
                  <a:ext uri="{FF2B5EF4-FFF2-40B4-BE49-F238E27FC236}">
                    <a16:creationId xmlns:a16="http://schemas.microsoft.com/office/drawing/2014/main" id="{1449AEC6-4DEB-E90C-1D73-7637447724CB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379109" y="6043880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26" name="Oval 25">
                <a:extLst>
                  <a:ext uri="{FF2B5EF4-FFF2-40B4-BE49-F238E27FC236}">
                    <a16:creationId xmlns:a16="http://schemas.microsoft.com/office/drawing/2014/main" id="{700A8245-98D7-94CD-0520-CEA1271FDFD0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331364" y="5615066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27" name="Oval 26">
                <a:extLst>
                  <a:ext uri="{FF2B5EF4-FFF2-40B4-BE49-F238E27FC236}">
                    <a16:creationId xmlns:a16="http://schemas.microsoft.com/office/drawing/2014/main" id="{8B913D02-8485-AEBF-B607-5392DF0EBBBA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351088" y="6002101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28" name="Oval 27">
                <a:extLst>
                  <a:ext uri="{FF2B5EF4-FFF2-40B4-BE49-F238E27FC236}">
                    <a16:creationId xmlns:a16="http://schemas.microsoft.com/office/drawing/2014/main" id="{77E74788-8629-E80D-3A3C-22DCBD1169CA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253772" y="5721834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29" name="Oval 28">
                <a:extLst>
                  <a:ext uri="{FF2B5EF4-FFF2-40B4-BE49-F238E27FC236}">
                    <a16:creationId xmlns:a16="http://schemas.microsoft.com/office/drawing/2014/main" id="{D86B2F41-7467-97C4-8ECF-68B6972CC5EC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966136" y="6233626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30" name="Oval 29">
                <a:extLst>
                  <a:ext uri="{FF2B5EF4-FFF2-40B4-BE49-F238E27FC236}">
                    <a16:creationId xmlns:a16="http://schemas.microsoft.com/office/drawing/2014/main" id="{A19F19DA-864A-35BD-82BC-AA3456E51ABD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661614" y="5604331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31" name="Oval 30">
                <a:extLst>
                  <a:ext uri="{FF2B5EF4-FFF2-40B4-BE49-F238E27FC236}">
                    <a16:creationId xmlns:a16="http://schemas.microsoft.com/office/drawing/2014/main" id="{F54F6788-2E00-538E-9068-2817D7F80CFE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685153" y="5956261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32" name="Oval 31">
                <a:extLst>
                  <a:ext uri="{FF2B5EF4-FFF2-40B4-BE49-F238E27FC236}">
                    <a16:creationId xmlns:a16="http://schemas.microsoft.com/office/drawing/2014/main" id="{200F2200-F29D-2451-1E66-ECD3B4D14954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442111" y="6069411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33" name="Oval 32">
                <a:extLst>
                  <a:ext uri="{FF2B5EF4-FFF2-40B4-BE49-F238E27FC236}">
                    <a16:creationId xmlns:a16="http://schemas.microsoft.com/office/drawing/2014/main" id="{F50B4EF8-000C-50B3-263C-81D0D6559540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825907" y="5675413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34" name="Oval 33">
                <a:extLst>
                  <a:ext uri="{FF2B5EF4-FFF2-40B4-BE49-F238E27FC236}">
                    <a16:creationId xmlns:a16="http://schemas.microsoft.com/office/drawing/2014/main" id="{8ED8D375-4560-6687-9DC2-943E94A0C401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955232" y="6182562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35" name="Oval 34">
                <a:extLst>
                  <a:ext uri="{FF2B5EF4-FFF2-40B4-BE49-F238E27FC236}">
                    <a16:creationId xmlns:a16="http://schemas.microsoft.com/office/drawing/2014/main" id="{A744EF19-3B70-EC71-0914-3E503DF4CFE9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996424" y="6141364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36" name="Oval 35">
                <a:extLst>
                  <a:ext uri="{FF2B5EF4-FFF2-40B4-BE49-F238E27FC236}">
                    <a16:creationId xmlns:a16="http://schemas.microsoft.com/office/drawing/2014/main" id="{045554F7-0B7A-0E64-7F4C-7D013EC0A970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8017147" y="6217959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37" name="Oval 36">
                <a:extLst>
                  <a:ext uri="{FF2B5EF4-FFF2-40B4-BE49-F238E27FC236}">
                    <a16:creationId xmlns:a16="http://schemas.microsoft.com/office/drawing/2014/main" id="{AD8FFA8C-2480-F686-E97D-FC7D74957622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911138" y="6228983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38" name="Oval 37">
                <a:extLst>
                  <a:ext uri="{FF2B5EF4-FFF2-40B4-BE49-F238E27FC236}">
                    <a16:creationId xmlns:a16="http://schemas.microsoft.com/office/drawing/2014/main" id="{10AC0204-4A12-0227-BCBA-9AE80D23B11A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776330" y="5806626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39" name="Oval 38">
                <a:extLst>
                  <a:ext uri="{FF2B5EF4-FFF2-40B4-BE49-F238E27FC236}">
                    <a16:creationId xmlns:a16="http://schemas.microsoft.com/office/drawing/2014/main" id="{0A327BF7-8330-0B75-B8F8-ACB5B1D9B4B1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418567" y="5981792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40" name="Oval 39">
                <a:extLst>
                  <a:ext uri="{FF2B5EF4-FFF2-40B4-BE49-F238E27FC236}">
                    <a16:creationId xmlns:a16="http://schemas.microsoft.com/office/drawing/2014/main" id="{C186301D-496B-016A-0967-2371F6A6C4B8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935003" y="6125697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41" name="Oval 40">
                <a:extLst>
                  <a:ext uri="{FF2B5EF4-FFF2-40B4-BE49-F238E27FC236}">
                    <a16:creationId xmlns:a16="http://schemas.microsoft.com/office/drawing/2014/main" id="{7FD3E66E-9BC3-4BDE-C9D5-9E179D04A171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159104" y="5786824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42" name="Oval 41">
                <a:extLst>
                  <a:ext uri="{FF2B5EF4-FFF2-40B4-BE49-F238E27FC236}">
                    <a16:creationId xmlns:a16="http://schemas.microsoft.com/office/drawing/2014/main" id="{BE88E15D-98F9-4866-411C-7AAC41073395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557333" y="5854134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43" name="Oval 42">
                <a:extLst>
                  <a:ext uri="{FF2B5EF4-FFF2-40B4-BE49-F238E27FC236}">
                    <a16:creationId xmlns:a16="http://schemas.microsoft.com/office/drawing/2014/main" id="{F9A0FA45-1B62-3EEE-114A-32EB38C73994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189940" y="5378319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44" name="Oval 43">
                <a:extLst>
                  <a:ext uri="{FF2B5EF4-FFF2-40B4-BE49-F238E27FC236}">
                    <a16:creationId xmlns:a16="http://schemas.microsoft.com/office/drawing/2014/main" id="{76F10435-3D34-4777-C786-23C5F1B3FD36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8149195" y="5726476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45" name="Oval 44">
                <a:extLst>
                  <a:ext uri="{FF2B5EF4-FFF2-40B4-BE49-F238E27FC236}">
                    <a16:creationId xmlns:a16="http://schemas.microsoft.com/office/drawing/2014/main" id="{6B1D110F-D307-2241-EDB2-73B2217E11F1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171371" y="5415456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46" name="Oval 45">
                <a:extLst>
                  <a:ext uri="{FF2B5EF4-FFF2-40B4-BE49-F238E27FC236}">
                    <a16:creationId xmlns:a16="http://schemas.microsoft.com/office/drawing/2014/main" id="{BA91956B-6A28-1A81-C1CF-982F6F9FE4DB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137218" y="5364392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47" name="Oval 46">
                <a:extLst>
                  <a:ext uri="{FF2B5EF4-FFF2-40B4-BE49-F238E27FC236}">
                    <a16:creationId xmlns:a16="http://schemas.microsoft.com/office/drawing/2014/main" id="{101634AE-D709-11F5-6786-13CD88AEF12F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124950" y="5415456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48" name="Oval 47">
                <a:extLst>
                  <a:ext uri="{FF2B5EF4-FFF2-40B4-BE49-F238E27FC236}">
                    <a16:creationId xmlns:a16="http://schemas.microsoft.com/office/drawing/2014/main" id="{EE182FE1-EA6A-6A57-5F3C-53B99FE82AF5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8197945" y="5784503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49" name="Oval 48">
                <a:extLst>
                  <a:ext uri="{FF2B5EF4-FFF2-40B4-BE49-F238E27FC236}">
                    <a16:creationId xmlns:a16="http://schemas.microsoft.com/office/drawing/2014/main" id="{B3F31E95-11B8-9A22-D997-867228F8C7C5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557333" y="5507718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50" name="Oval 49">
                <a:extLst>
                  <a:ext uri="{FF2B5EF4-FFF2-40B4-BE49-F238E27FC236}">
                    <a16:creationId xmlns:a16="http://schemas.microsoft.com/office/drawing/2014/main" id="{B626D147-7A09-8850-6DA9-38BC66AC9629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202206" y="5773188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51" name="Oval 50">
                <a:extLst>
                  <a:ext uri="{FF2B5EF4-FFF2-40B4-BE49-F238E27FC236}">
                    <a16:creationId xmlns:a16="http://schemas.microsoft.com/office/drawing/2014/main" id="{50AAA8B2-A58A-3A23-DEB1-2A641B27F614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713173" y="5525416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52" name="Oval 51">
                <a:extLst>
                  <a:ext uri="{FF2B5EF4-FFF2-40B4-BE49-F238E27FC236}">
                    <a16:creationId xmlns:a16="http://schemas.microsoft.com/office/drawing/2014/main" id="{0DE02C6A-93AB-F3B1-A670-5BDA2D1D6392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6949295" y="5668741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53" name="Oval 52">
                <a:extLst>
                  <a:ext uri="{FF2B5EF4-FFF2-40B4-BE49-F238E27FC236}">
                    <a16:creationId xmlns:a16="http://schemas.microsoft.com/office/drawing/2014/main" id="{2D8AEB2F-EA38-FE46-DE99-9FA89A6BA970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580544" y="5938563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54" name="Oval 53">
                <a:extLst>
                  <a:ext uri="{FF2B5EF4-FFF2-40B4-BE49-F238E27FC236}">
                    <a16:creationId xmlns:a16="http://schemas.microsoft.com/office/drawing/2014/main" id="{7F060364-71AC-1CC3-F227-BC14F12EBCF1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274990" y="6030825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55" name="Oval 54">
                <a:extLst>
                  <a:ext uri="{FF2B5EF4-FFF2-40B4-BE49-F238E27FC236}">
                    <a16:creationId xmlns:a16="http://schemas.microsoft.com/office/drawing/2014/main" id="{7602F786-5D18-E1EC-02E6-77A430F254A7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8093323" y="5982663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56" name="Oval 55">
                <a:extLst>
                  <a:ext uri="{FF2B5EF4-FFF2-40B4-BE49-F238E27FC236}">
                    <a16:creationId xmlns:a16="http://schemas.microsoft.com/office/drawing/2014/main" id="{960079F2-C2F7-FE31-14D9-87C03F8C9CED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465322" y="5913032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57" name="Oval 56">
                <a:extLst>
                  <a:ext uri="{FF2B5EF4-FFF2-40B4-BE49-F238E27FC236}">
                    <a16:creationId xmlns:a16="http://schemas.microsoft.com/office/drawing/2014/main" id="{33BCC4AD-8FAC-BD9D-6A8C-458D5708ECC7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355899" y="6230435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58" name="Oval 57">
                <a:extLst>
                  <a:ext uri="{FF2B5EF4-FFF2-40B4-BE49-F238E27FC236}">
                    <a16:creationId xmlns:a16="http://schemas.microsoft.com/office/drawing/2014/main" id="{E946B87E-E11A-C91F-8397-970A55B2B752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308153" y="5801621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59" name="Oval 58">
                <a:extLst>
                  <a:ext uri="{FF2B5EF4-FFF2-40B4-BE49-F238E27FC236}">
                    <a16:creationId xmlns:a16="http://schemas.microsoft.com/office/drawing/2014/main" id="{1124E30B-82FE-320E-709E-169DACE49ACD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327878" y="6188656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60" name="Oval 59">
                <a:extLst>
                  <a:ext uri="{FF2B5EF4-FFF2-40B4-BE49-F238E27FC236}">
                    <a16:creationId xmlns:a16="http://schemas.microsoft.com/office/drawing/2014/main" id="{3964C56D-AFC6-D400-E3E4-0053D7E1C445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230562" y="5908390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61" name="Oval 60">
                <a:extLst>
                  <a:ext uri="{FF2B5EF4-FFF2-40B4-BE49-F238E27FC236}">
                    <a16:creationId xmlns:a16="http://schemas.microsoft.com/office/drawing/2014/main" id="{952257D5-6F41-DF48-05E3-8E2EAA612DC5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942925" y="6420181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62" name="Oval 61">
                <a:extLst>
                  <a:ext uri="{FF2B5EF4-FFF2-40B4-BE49-F238E27FC236}">
                    <a16:creationId xmlns:a16="http://schemas.microsoft.com/office/drawing/2014/main" id="{3847CB9E-AA65-7498-12F3-BFEEC8D1DB42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638404" y="5790887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63" name="Oval 62">
                <a:extLst>
                  <a:ext uri="{FF2B5EF4-FFF2-40B4-BE49-F238E27FC236}">
                    <a16:creationId xmlns:a16="http://schemas.microsoft.com/office/drawing/2014/main" id="{BEF75B9C-56B1-DDE8-4914-0459DA732738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661942" y="6142816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64" name="Oval 63">
                <a:extLst>
                  <a:ext uri="{FF2B5EF4-FFF2-40B4-BE49-F238E27FC236}">
                    <a16:creationId xmlns:a16="http://schemas.microsoft.com/office/drawing/2014/main" id="{B0642BF3-98FF-3766-FABF-600B361F238D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418901" y="6255967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65" name="Oval 64">
                <a:extLst>
                  <a:ext uri="{FF2B5EF4-FFF2-40B4-BE49-F238E27FC236}">
                    <a16:creationId xmlns:a16="http://schemas.microsoft.com/office/drawing/2014/main" id="{F602F6EC-5AC1-B38F-4506-CB7FE9581173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802697" y="5861969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66" name="Oval 65">
                <a:extLst>
                  <a:ext uri="{FF2B5EF4-FFF2-40B4-BE49-F238E27FC236}">
                    <a16:creationId xmlns:a16="http://schemas.microsoft.com/office/drawing/2014/main" id="{4022DA21-FE96-209D-5288-E660CDD3A473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851741" y="6318055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67" name="Oval 66">
                <a:extLst>
                  <a:ext uri="{FF2B5EF4-FFF2-40B4-BE49-F238E27FC236}">
                    <a16:creationId xmlns:a16="http://schemas.microsoft.com/office/drawing/2014/main" id="{F54E26BC-6068-6B64-1EBB-AA366289A838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748658" y="6304564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68" name="Oval 67">
                <a:extLst>
                  <a:ext uri="{FF2B5EF4-FFF2-40B4-BE49-F238E27FC236}">
                    <a16:creationId xmlns:a16="http://schemas.microsoft.com/office/drawing/2014/main" id="{DDF74B78-EA24-8274-6EBF-7B680B1097C1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993937" y="6404514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69" name="Oval 68">
                <a:extLst>
                  <a:ext uri="{FF2B5EF4-FFF2-40B4-BE49-F238E27FC236}">
                    <a16:creationId xmlns:a16="http://schemas.microsoft.com/office/drawing/2014/main" id="{6E1C99A7-52C8-48EB-8308-53790DF1DDB9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887928" y="6415539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70" name="Oval 69">
                <a:extLst>
                  <a:ext uri="{FF2B5EF4-FFF2-40B4-BE49-F238E27FC236}">
                    <a16:creationId xmlns:a16="http://schemas.microsoft.com/office/drawing/2014/main" id="{F60BAF37-3E0A-4A38-C7A5-36BB4EBC036F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738037" y="6024442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71" name="Oval 70">
                <a:extLst>
                  <a:ext uri="{FF2B5EF4-FFF2-40B4-BE49-F238E27FC236}">
                    <a16:creationId xmlns:a16="http://schemas.microsoft.com/office/drawing/2014/main" id="{D51F8BCF-8E34-FB96-3351-31AC69B5C55D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395356" y="6168347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72" name="Oval 71">
                <a:extLst>
                  <a:ext uri="{FF2B5EF4-FFF2-40B4-BE49-F238E27FC236}">
                    <a16:creationId xmlns:a16="http://schemas.microsoft.com/office/drawing/2014/main" id="{5AF6295F-2D34-5C78-0661-9923146618B4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762252" y="6246538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73" name="Oval 72">
                <a:extLst>
                  <a:ext uri="{FF2B5EF4-FFF2-40B4-BE49-F238E27FC236}">
                    <a16:creationId xmlns:a16="http://schemas.microsoft.com/office/drawing/2014/main" id="{2183479D-331F-711B-AADA-6ECBE49C3229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135893" y="5973379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74" name="Oval 73">
                <a:extLst>
                  <a:ext uri="{FF2B5EF4-FFF2-40B4-BE49-F238E27FC236}">
                    <a16:creationId xmlns:a16="http://schemas.microsoft.com/office/drawing/2014/main" id="{AC2ECA41-050A-73BC-B87E-A2795D24C638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534123" y="6040690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75" name="Oval 74">
                <a:extLst>
                  <a:ext uri="{FF2B5EF4-FFF2-40B4-BE49-F238E27FC236}">
                    <a16:creationId xmlns:a16="http://schemas.microsoft.com/office/drawing/2014/main" id="{61A2408E-E0F3-C9D7-C1A3-EC96D32EA1E9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166729" y="5564874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76" name="Oval 75">
                <a:extLst>
                  <a:ext uri="{FF2B5EF4-FFF2-40B4-BE49-F238E27FC236}">
                    <a16:creationId xmlns:a16="http://schemas.microsoft.com/office/drawing/2014/main" id="{29251614-4B21-7A38-0A70-A9CA4C547483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8024849" y="5895333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77" name="Oval 76">
                <a:extLst>
                  <a:ext uri="{FF2B5EF4-FFF2-40B4-BE49-F238E27FC236}">
                    <a16:creationId xmlns:a16="http://schemas.microsoft.com/office/drawing/2014/main" id="{F989F33B-489B-B580-F667-2866DE463CF2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148161" y="5602011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78" name="Oval 77">
                <a:extLst>
                  <a:ext uri="{FF2B5EF4-FFF2-40B4-BE49-F238E27FC236}">
                    <a16:creationId xmlns:a16="http://schemas.microsoft.com/office/drawing/2014/main" id="{2A732CCA-881A-799C-71F7-3C639EF0EF3D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124950" y="5525416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79" name="Oval 78">
                <a:extLst>
                  <a:ext uri="{FF2B5EF4-FFF2-40B4-BE49-F238E27FC236}">
                    <a16:creationId xmlns:a16="http://schemas.microsoft.com/office/drawing/2014/main" id="{1108BA80-BC1C-7E2A-8230-8244E34FFE23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101740" y="5602011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80" name="Oval 79">
                <a:extLst>
                  <a:ext uri="{FF2B5EF4-FFF2-40B4-BE49-F238E27FC236}">
                    <a16:creationId xmlns:a16="http://schemas.microsoft.com/office/drawing/2014/main" id="{7EA95CF4-99CA-6134-4CEE-252C2D3B00B5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8174735" y="5971058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81" name="Oval 80">
                <a:extLst>
                  <a:ext uri="{FF2B5EF4-FFF2-40B4-BE49-F238E27FC236}">
                    <a16:creationId xmlns:a16="http://schemas.microsoft.com/office/drawing/2014/main" id="{79AA9066-BA57-F637-D929-FAA2B28742E9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534123" y="5694273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82" name="Oval 81">
                <a:extLst>
                  <a:ext uri="{FF2B5EF4-FFF2-40B4-BE49-F238E27FC236}">
                    <a16:creationId xmlns:a16="http://schemas.microsoft.com/office/drawing/2014/main" id="{A41B1D6D-4AA8-6A1F-BFA6-A635FB13EA2B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9134785">
                <a:off x="7649416" y="5226054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83" name="Oval 82">
                <a:extLst>
                  <a:ext uri="{FF2B5EF4-FFF2-40B4-BE49-F238E27FC236}">
                    <a16:creationId xmlns:a16="http://schemas.microsoft.com/office/drawing/2014/main" id="{43629301-B36F-99AB-FA88-FF3FEE209F20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9134785">
                <a:off x="7820974" y="5624613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84" name="Oval 83">
                <a:extLst>
                  <a:ext uri="{FF2B5EF4-FFF2-40B4-BE49-F238E27FC236}">
                    <a16:creationId xmlns:a16="http://schemas.microsoft.com/office/drawing/2014/main" id="{FD01079C-976A-9E00-2F54-741391370971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9134785">
                <a:off x="8236445" y="5320851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85" name="Oval 84">
                <a:extLst>
                  <a:ext uri="{FF2B5EF4-FFF2-40B4-BE49-F238E27FC236}">
                    <a16:creationId xmlns:a16="http://schemas.microsoft.com/office/drawing/2014/main" id="{A2BC38B8-3C7B-097B-EAD4-0AACF51928D9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9134785">
                <a:off x="8410626" y="5749456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86" name="Oval 85">
                <a:extLst>
                  <a:ext uri="{FF2B5EF4-FFF2-40B4-BE49-F238E27FC236}">
                    <a16:creationId xmlns:a16="http://schemas.microsoft.com/office/drawing/2014/main" id="{EAEE3934-E13F-27B3-3141-E8395F6364AC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9134785">
                <a:off x="7767530" y="5475281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87" name="Oval 86">
                <a:extLst>
                  <a:ext uri="{FF2B5EF4-FFF2-40B4-BE49-F238E27FC236}">
                    <a16:creationId xmlns:a16="http://schemas.microsoft.com/office/drawing/2014/main" id="{94665CA7-E777-88BE-20CE-0D72C98B5716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9134785">
                <a:off x="8016560" y="5725065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88" name="Oval 87">
                <a:extLst>
                  <a:ext uri="{FF2B5EF4-FFF2-40B4-BE49-F238E27FC236}">
                    <a16:creationId xmlns:a16="http://schemas.microsoft.com/office/drawing/2014/main" id="{51A0617B-EDC5-1965-35CD-7DE438580E19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9134785">
                <a:off x="7938075" y="5420883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89" name="Oval 88">
                <a:extLst>
                  <a:ext uri="{FF2B5EF4-FFF2-40B4-BE49-F238E27FC236}">
                    <a16:creationId xmlns:a16="http://schemas.microsoft.com/office/drawing/2014/main" id="{AAEAD85C-B429-C458-110C-543114578586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9134785">
                <a:off x="8368849" y="5718135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90" name="Oval 89">
                <a:extLst>
                  <a:ext uri="{FF2B5EF4-FFF2-40B4-BE49-F238E27FC236}">
                    <a16:creationId xmlns:a16="http://schemas.microsoft.com/office/drawing/2014/main" id="{FCDBDAD3-D9AC-6B3A-4C13-2070DA1C9F25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9134785">
                <a:off x="8372820" y="5660011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91" name="Oval 90">
                <a:extLst>
                  <a:ext uri="{FF2B5EF4-FFF2-40B4-BE49-F238E27FC236}">
                    <a16:creationId xmlns:a16="http://schemas.microsoft.com/office/drawing/2014/main" id="{6C37FBD0-5446-BC23-9F4C-9648E38DEAB8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9134785">
                <a:off x="8438778" y="5704123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92" name="Oval 91">
                <a:extLst>
                  <a:ext uri="{FF2B5EF4-FFF2-40B4-BE49-F238E27FC236}">
                    <a16:creationId xmlns:a16="http://schemas.microsoft.com/office/drawing/2014/main" id="{0703EA18-DF02-02CE-629A-B2EE37131AF5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9134785">
                <a:off x="8366123" y="5782102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93" name="Oval 92">
                <a:extLst>
                  <a:ext uri="{FF2B5EF4-FFF2-40B4-BE49-F238E27FC236}">
                    <a16:creationId xmlns:a16="http://schemas.microsoft.com/office/drawing/2014/main" id="{11B982D3-98D1-F4FE-F289-104ABB0547EC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9134785">
                <a:off x="7986942" y="5552362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94" name="Oval 93">
                <a:extLst>
                  <a:ext uri="{FF2B5EF4-FFF2-40B4-BE49-F238E27FC236}">
                    <a16:creationId xmlns:a16="http://schemas.microsoft.com/office/drawing/2014/main" id="{1F565022-2203-D03E-9D8F-FE3226932E87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9134785">
                <a:off x="8316229" y="5688570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95" name="Oval 94">
                <a:extLst>
                  <a:ext uri="{FF2B5EF4-FFF2-40B4-BE49-F238E27FC236}">
                    <a16:creationId xmlns:a16="http://schemas.microsoft.com/office/drawing/2014/main" id="{D74B74C4-CE95-C04A-24FC-CCE6D7691E6B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9134785">
                <a:off x="7853103" y="5732095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96" name="Oval 95">
                <a:extLst>
                  <a:ext uri="{FF2B5EF4-FFF2-40B4-BE49-F238E27FC236}">
                    <a16:creationId xmlns:a16="http://schemas.microsoft.com/office/drawing/2014/main" id="{634324B8-8FD7-E053-47AB-37D5D047FD79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9134785">
                <a:off x="8215301" y="5246904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97" name="Oval 96">
                <a:extLst>
                  <a:ext uri="{FF2B5EF4-FFF2-40B4-BE49-F238E27FC236}">
                    <a16:creationId xmlns:a16="http://schemas.microsoft.com/office/drawing/2014/main" id="{959322D0-12C2-5C49-F4BF-94CCE15825A4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9134785">
                <a:off x="8290179" y="5258601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98" name="Oval 97">
                <a:extLst>
                  <a:ext uri="{FF2B5EF4-FFF2-40B4-BE49-F238E27FC236}">
                    <a16:creationId xmlns:a16="http://schemas.microsoft.com/office/drawing/2014/main" id="{8EFB2EFA-B118-B7E5-A5A0-F7B639C8539C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9134785">
                <a:off x="7625438" y="5470996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99" name="Oval 98">
                <a:extLst>
                  <a:ext uri="{FF2B5EF4-FFF2-40B4-BE49-F238E27FC236}">
                    <a16:creationId xmlns:a16="http://schemas.microsoft.com/office/drawing/2014/main" id="{A482E642-0839-3291-C00C-BBAA62A360E8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9134785">
                <a:off x="7754527" y="5381917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100" name="Oval 99">
                <a:extLst>
                  <a:ext uri="{FF2B5EF4-FFF2-40B4-BE49-F238E27FC236}">
                    <a16:creationId xmlns:a16="http://schemas.microsoft.com/office/drawing/2014/main" id="{063A1B87-BC31-F4CF-A331-E351556E9FE9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9134785">
                <a:off x="7926084" y="5780476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101" name="Oval 100">
                <a:extLst>
                  <a:ext uri="{FF2B5EF4-FFF2-40B4-BE49-F238E27FC236}">
                    <a16:creationId xmlns:a16="http://schemas.microsoft.com/office/drawing/2014/main" id="{F66064D9-C4C1-053F-3E0D-AD49C40CF69D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9134785">
                <a:off x="8341555" y="5476715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102" name="Oval 101">
                <a:extLst>
                  <a:ext uri="{FF2B5EF4-FFF2-40B4-BE49-F238E27FC236}">
                    <a16:creationId xmlns:a16="http://schemas.microsoft.com/office/drawing/2014/main" id="{D56078FB-1C6C-F0B0-79F2-FB0AF2D68F87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9134785">
                <a:off x="8515737" y="5905320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103" name="Oval 102">
                <a:extLst>
                  <a:ext uri="{FF2B5EF4-FFF2-40B4-BE49-F238E27FC236}">
                    <a16:creationId xmlns:a16="http://schemas.microsoft.com/office/drawing/2014/main" id="{34044D9B-2E31-F09F-296B-EE40AD547628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9134785">
                <a:off x="7872640" y="5631145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104" name="Oval 103">
                <a:extLst>
                  <a:ext uri="{FF2B5EF4-FFF2-40B4-BE49-F238E27FC236}">
                    <a16:creationId xmlns:a16="http://schemas.microsoft.com/office/drawing/2014/main" id="{57C292B5-9DCF-5040-07D4-4E2F4E086C82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9134785">
                <a:off x="8121671" y="5880929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105" name="Oval 104">
                <a:extLst>
                  <a:ext uri="{FF2B5EF4-FFF2-40B4-BE49-F238E27FC236}">
                    <a16:creationId xmlns:a16="http://schemas.microsoft.com/office/drawing/2014/main" id="{8F5007F7-54B0-019F-AA80-3D7541AFC22C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9134785">
                <a:off x="8043185" y="5576746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106" name="Oval 105">
                <a:extLst>
                  <a:ext uri="{FF2B5EF4-FFF2-40B4-BE49-F238E27FC236}">
                    <a16:creationId xmlns:a16="http://schemas.microsoft.com/office/drawing/2014/main" id="{AD717ECF-3C45-164C-AA9D-E6AE0825525A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9134785">
                <a:off x="8379892" y="5888272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107" name="Oval 106">
                <a:extLst>
                  <a:ext uri="{FF2B5EF4-FFF2-40B4-BE49-F238E27FC236}">
                    <a16:creationId xmlns:a16="http://schemas.microsoft.com/office/drawing/2014/main" id="{A0E3A8AE-91A6-4A45-F2BE-ABA55A011C8F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9134785">
                <a:off x="8293331" y="5945850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108" name="Oval 107">
                <a:extLst>
                  <a:ext uri="{FF2B5EF4-FFF2-40B4-BE49-F238E27FC236}">
                    <a16:creationId xmlns:a16="http://schemas.microsoft.com/office/drawing/2014/main" id="{084F80B5-5CD2-2432-76F1-AF78A15D3E05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9134785">
                <a:off x="8543888" y="5859986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109" name="Oval 108">
                <a:extLst>
                  <a:ext uri="{FF2B5EF4-FFF2-40B4-BE49-F238E27FC236}">
                    <a16:creationId xmlns:a16="http://schemas.microsoft.com/office/drawing/2014/main" id="{22CFFDC7-13B7-8F68-8534-E39C1D343C46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9134785">
                <a:off x="8471233" y="5937965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110" name="Oval 109">
                <a:extLst>
                  <a:ext uri="{FF2B5EF4-FFF2-40B4-BE49-F238E27FC236}">
                    <a16:creationId xmlns:a16="http://schemas.microsoft.com/office/drawing/2014/main" id="{33E3495B-20DB-3E5C-0C04-FC3DB6E03BA0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9134785">
                <a:off x="8101229" y="5741699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111" name="Oval 110">
                <a:extLst>
                  <a:ext uri="{FF2B5EF4-FFF2-40B4-BE49-F238E27FC236}">
                    <a16:creationId xmlns:a16="http://schemas.microsoft.com/office/drawing/2014/main" id="{F874D005-48D7-92BB-CAC8-0D655A6ED3D9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9134785">
                <a:off x="8265441" y="5893181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112" name="Oval 111">
                <a:extLst>
                  <a:ext uri="{FF2B5EF4-FFF2-40B4-BE49-F238E27FC236}">
                    <a16:creationId xmlns:a16="http://schemas.microsoft.com/office/drawing/2014/main" id="{BDBE69D8-019B-A2C4-519E-147B8E353B25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9134785">
                <a:off x="8232552" y="5455894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113" name="Oval 112">
                <a:extLst>
                  <a:ext uri="{FF2B5EF4-FFF2-40B4-BE49-F238E27FC236}">
                    <a16:creationId xmlns:a16="http://schemas.microsoft.com/office/drawing/2014/main" id="{94DD5649-E3CB-B2AD-B00A-9CE1087F2426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9134785">
                <a:off x="8395290" y="5414464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</p:grpSp>
      </p:grpSp>
      <p:cxnSp>
        <p:nvCxnSpPr>
          <p:cNvPr id="122" name="Straight Arrow Connector 121">
            <a:extLst>
              <a:ext uri="{FF2B5EF4-FFF2-40B4-BE49-F238E27FC236}">
                <a16:creationId xmlns:a16="http://schemas.microsoft.com/office/drawing/2014/main" id="{51E8E808-C42D-E04C-D066-A1A33BC9039A}"/>
              </a:ext>
            </a:extLst>
          </p:cNvPr>
          <p:cNvCxnSpPr>
            <a:cxnSpLocks/>
          </p:cNvCxnSpPr>
          <p:nvPr/>
        </p:nvCxnSpPr>
        <p:spPr bwMode="auto">
          <a:xfrm>
            <a:off x="7924219" y="4094684"/>
            <a:ext cx="467119" cy="0"/>
          </a:xfrm>
          <a:prstGeom prst="straightConnector1">
            <a:avLst/>
          </a:prstGeom>
          <a:solidFill>
            <a:schemeClr val="accent1"/>
          </a:solidFill>
          <a:ln w="127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23" name="Freeform: Shape 122">
            <a:extLst>
              <a:ext uri="{FF2B5EF4-FFF2-40B4-BE49-F238E27FC236}">
                <a16:creationId xmlns:a16="http://schemas.microsoft.com/office/drawing/2014/main" id="{6379229C-B2F6-396D-73BA-DEB3A748427E}"/>
              </a:ext>
            </a:extLst>
          </p:cNvPr>
          <p:cNvSpPr/>
          <p:nvPr/>
        </p:nvSpPr>
        <p:spPr bwMode="auto">
          <a:xfrm>
            <a:off x="5263603" y="1875744"/>
            <a:ext cx="914400" cy="3108960"/>
          </a:xfrm>
          <a:custGeom>
            <a:avLst/>
            <a:gdLst>
              <a:gd name="connsiteX0" fmla="*/ 0 w 685800"/>
              <a:gd name="connsiteY0" fmla="*/ 510540 h 2331720"/>
              <a:gd name="connsiteX1" fmla="*/ 685800 w 685800"/>
              <a:gd name="connsiteY1" fmla="*/ 0 h 2331720"/>
              <a:gd name="connsiteX2" fmla="*/ 678180 w 685800"/>
              <a:gd name="connsiteY2" fmla="*/ 2331720 h 2331720"/>
              <a:gd name="connsiteX3" fmla="*/ 7620 w 685800"/>
              <a:gd name="connsiteY3" fmla="*/ 944880 h 2331720"/>
              <a:gd name="connsiteX4" fmla="*/ 0 w 685800"/>
              <a:gd name="connsiteY4" fmla="*/ 510540 h 233172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685800" h="2331720">
                <a:moveTo>
                  <a:pt x="0" y="510540"/>
                </a:moveTo>
                <a:lnTo>
                  <a:pt x="685800" y="0"/>
                </a:lnTo>
                <a:lnTo>
                  <a:pt x="678180" y="2331720"/>
                </a:lnTo>
                <a:lnTo>
                  <a:pt x="7620" y="944880"/>
                </a:lnTo>
                <a:lnTo>
                  <a:pt x="0" y="510540"/>
                </a:lnTo>
                <a:close/>
              </a:path>
            </a:pathLst>
          </a:custGeom>
          <a:solidFill>
            <a:schemeClr val="bg1">
              <a:lumMod val="9500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239994" indent="-239994">
              <a:spcBef>
                <a:spcPts val="1067"/>
              </a:spcBef>
              <a:buFont typeface="Ericsson Hilda" panose="00000500000000000000" pitchFamily="2" charset="0"/>
              <a:buChar char="●"/>
            </a:pPr>
            <a:endParaRPr lang="en-US" sz="2400">
              <a:solidFill>
                <a:srgbClr val="FFFFFF"/>
              </a:solidFill>
            </a:endParaRPr>
          </a:p>
        </p:txBody>
      </p:sp>
      <p:sp>
        <p:nvSpPr>
          <p:cNvPr id="124" name="Rectangle: Rounded Corners 123">
            <a:extLst>
              <a:ext uri="{FF2B5EF4-FFF2-40B4-BE49-F238E27FC236}">
                <a16:creationId xmlns:a16="http://schemas.microsoft.com/office/drawing/2014/main" id="{9B41642D-A5B6-D868-6285-83122F033545}"/>
              </a:ext>
            </a:extLst>
          </p:cNvPr>
          <p:cNvSpPr/>
          <p:nvPr/>
        </p:nvSpPr>
        <p:spPr bwMode="auto">
          <a:xfrm>
            <a:off x="6178002" y="1585730"/>
            <a:ext cx="4194428" cy="3755655"/>
          </a:xfrm>
          <a:prstGeom prst="roundRect">
            <a:avLst>
              <a:gd name="adj" fmla="val 10080"/>
            </a:avLst>
          </a:prstGeom>
          <a:noFill/>
          <a:ln w="12700" cap="flat" cmpd="sng" algn="ctr">
            <a:solidFill>
              <a:schemeClr val="accent1">
                <a:lumMod val="60000"/>
                <a:lumOff val="40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239994" indent="-239994">
              <a:spcBef>
                <a:spcPts val="1067"/>
              </a:spcBef>
              <a:buFont typeface="Ericsson Hilda" panose="00000500000000000000" pitchFamily="2" charset="0"/>
              <a:buChar char="●"/>
            </a:pPr>
            <a:endParaRPr lang="en-US" sz="2400">
              <a:solidFill>
                <a:srgbClr val="FFFFFF"/>
              </a:solidFill>
            </a:endParaRPr>
          </a:p>
        </p:txBody>
      </p:sp>
      <p:sp>
        <p:nvSpPr>
          <p:cNvPr id="125" name="TextBox 124">
            <a:extLst>
              <a:ext uri="{FF2B5EF4-FFF2-40B4-BE49-F238E27FC236}">
                <a16:creationId xmlns:a16="http://schemas.microsoft.com/office/drawing/2014/main" id="{7C402E41-C9B9-66EC-0E56-F978B83B7C6A}"/>
              </a:ext>
            </a:extLst>
          </p:cNvPr>
          <p:cNvSpPr txBox="1"/>
          <p:nvPr/>
        </p:nvSpPr>
        <p:spPr>
          <a:xfrm>
            <a:off x="8569919" y="3049160"/>
            <a:ext cx="1350992" cy="211901"/>
          </a:xfrm>
          <a:prstGeom prst="rect">
            <a:avLst/>
          </a:prstGeom>
        </p:spPr>
        <p:txBody>
          <a:bodyPr vert="horz" wrap="square" lIns="96000" tIns="48000" rIns="96000" bIns="48000" rtlCol="0" anchor="t">
            <a:noAutofit/>
          </a:bodyPr>
          <a:lstStyle/>
          <a:p>
            <a:pPr defTabSz="1219170" fontAlgn="base">
              <a:spcBef>
                <a:spcPts val="533"/>
              </a:spcBef>
              <a:spcAft>
                <a:spcPct val="0"/>
              </a:spcAft>
            </a:pPr>
            <a:r>
              <a:rPr lang="en-US" sz="933" kern="1000" spc="-40">
                <a:latin typeface="Ericsson Hilda"/>
              </a:rPr>
              <a:t>Performance metrics</a:t>
            </a:r>
          </a:p>
        </p:txBody>
      </p:sp>
      <p:sp>
        <p:nvSpPr>
          <p:cNvPr id="126" name="TextBox 125">
            <a:extLst>
              <a:ext uri="{FF2B5EF4-FFF2-40B4-BE49-F238E27FC236}">
                <a16:creationId xmlns:a16="http://schemas.microsoft.com/office/drawing/2014/main" id="{694CDC09-FAB9-912D-EC75-452FE2D9397D}"/>
              </a:ext>
            </a:extLst>
          </p:cNvPr>
          <p:cNvSpPr txBox="1"/>
          <p:nvPr/>
        </p:nvSpPr>
        <p:spPr>
          <a:xfrm>
            <a:off x="8623444" y="4334107"/>
            <a:ext cx="1011851" cy="213592"/>
          </a:xfrm>
          <a:prstGeom prst="rect">
            <a:avLst/>
          </a:prstGeom>
        </p:spPr>
        <p:txBody>
          <a:bodyPr vert="horz" wrap="square" lIns="96000" tIns="48000" rIns="96000" bIns="48000" rtlCol="0" anchor="t">
            <a:noAutofit/>
          </a:bodyPr>
          <a:lstStyle/>
          <a:p>
            <a:pPr defTabSz="1219170" fontAlgn="base">
              <a:spcBef>
                <a:spcPts val="533"/>
              </a:spcBef>
              <a:spcAft>
                <a:spcPct val="0"/>
              </a:spcAft>
            </a:pPr>
            <a:r>
              <a:rPr lang="en-US" sz="933" kern="1000" spc="-40">
                <a:latin typeface="Ericsson Hilda"/>
              </a:rPr>
              <a:t>Configuration</a:t>
            </a:r>
          </a:p>
        </p:txBody>
      </p:sp>
      <p:grpSp>
        <p:nvGrpSpPr>
          <p:cNvPr id="127" name="Group 126">
            <a:extLst>
              <a:ext uri="{FF2B5EF4-FFF2-40B4-BE49-F238E27FC236}">
                <a16:creationId xmlns:a16="http://schemas.microsoft.com/office/drawing/2014/main" id="{2DED6D55-0A0B-B8F7-F920-8B163947B382}"/>
              </a:ext>
            </a:extLst>
          </p:cNvPr>
          <p:cNvGrpSpPr/>
          <p:nvPr/>
        </p:nvGrpSpPr>
        <p:grpSpPr>
          <a:xfrm>
            <a:off x="6349266" y="3513620"/>
            <a:ext cx="1481685" cy="1703837"/>
            <a:chOff x="3916478" y="3584890"/>
            <a:chExt cx="1111264" cy="1277878"/>
          </a:xfrm>
        </p:grpSpPr>
        <p:grpSp>
          <p:nvGrpSpPr>
            <p:cNvPr id="128" name="Group 127">
              <a:extLst>
                <a:ext uri="{FF2B5EF4-FFF2-40B4-BE49-F238E27FC236}">
                  <a16:creationId xmlns:a16="http://schemas.microsoft.com/office/drawing/2014/main" id="{F13E6FA4-8BB2-181E-4445-43D66D9A6238}"/>
                </a:ext>
              </a:extLst>
            </p:cNvPr>
            <p:cNvGrpSpPr>
              <a:grpSpLocks noChangeAspect="1"/>
            </p:cNvGrpSpPr>
            <p:nvPr/>
          </p:nvGrpSpPr>
          <p:grpSpPr>
            <a:xfrm>
              <a:off x="3924722" y="3606956"/>
              <a:ext cx="1100437" cy="1242740"/>
              <a:chOff x="4331507" y="3566162"/>
              <a:chExt cx="1335304" cy="1507980"/>
            </a:xfrm>
          </p:grpSpPr>
          <p:sp>
            <p:nvSpPr>
              <p:cNvPr id="135" name="Oval 134">
                <a:extLst>
                  <a:ext uri="{FF2B5EF4-FFF2-40B4-BE49-F238E27FC236}">
                    <a16:creationId xmlns:a16="http://schemas.microsoft.com/office/drawing/2014/main" id="{45162214-2961-E39A-3F94-D890F5B6FDA7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5148967" y="3566162"/>
                <a:ext cx="182880" cy="182880"/>
              </a:xfrm>
              <a:prstGeom prst="ellipse">
                <a:avLst/>
              </a:prstGeom>
              <a:solidFill>
                <a:schemeClr val="accent6">
                  <a:lumMod val="60000"/>
                  <a:lumOff val="40000"/>
                </a:schemeClr>
              </a:solidFill>
              <a:ln w="12700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136" name="Oval 135">
                <a:extLst>
                  <a:ext uri="{FF2B5EF4-FFF2-40B4-BE49-F238E27FC236}">
                    <a16:creationId xmlns:a16="http://schemas.microsoft.com/office/drawing/2014/main" id="{EF971A50-0CE4-8239-2671-DAD8D4E8B5C8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5483931" y="3945141"/>
                <a:ext cx="182880" cy="182880"/>
              </a:xfrm>
              <a:prstGeom prst="ellipse">
                <a:avLst/>
              </a:prstGeom>
              <a:solidFill>
                <a:schemeClr val="accent6">
                  <a:lumMod val="60000"/>
                  <a:lumOff val="40000"/>
                </a:schemeClr>
              </a:solidFill>
              <a:ln w="12700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137" name="Oval 136">
                <a:extLst>
                  <a:ext uri="{FF2B5EF4-FFF2-40B4-BE49-F238E27FC236}">
                    <a16:creationId xmlns:a16="http://schemas.microsoft.com/office/drawing/2014/main" id="{0FA1BF3D-70E8-E2DA-5B48-C445FA914F9A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4663278" y="3808584"/>
                <a:ext cx="182880" cy="182880"/>
              </a:xfrm>
              <a:prstGeom prst="ellipse">
                <a:avLst/>
              </a:prstGeom>
              <a:solidFill>
                <a:schemeClr val="accent6">
                  <a:lumMod val="60000"/>
                  <a:lumOff val="40000"/>
                </a:schemeClr>
              </a:solidFill>
              <a:ln w="12700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138" name="Oval 137">
                <a:extLst>
                  <a:ext uri="{FF2B5EF4-FFF2-40B4-BE49-F238E27FC236}">
                    <a16:creationId xmlns:a16="http://schemas.microsoft.com/office/drawing/2014/main" id="{8E8F08CD-C63C-36CB-F8A7-EFF9A42E1E46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5246052" y="4518606"/>
                <a:ext cx="182880" cy="182880"/>
              </a:xfrm>
              <a:prstGeom prst="ellipse">
                <a:avLst/>
              </a:prstGeom>
              <a:solidFill>
                <a:schemeClr val="accent6">
                  <a:lumMod val="60000"/>
                  <a:lumOff val="40000"/>
                </a:schemeClr>
              </a:solidFill>
              <a:ln w="12700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cxnSp>
            <p:nvCxnSpPr>
              <p:cNvPr id="139" name="Straight Connector 138">
                <a:extLst>
                  <a:ext uri="{FF2B5EF4-FFF2-40B4-BE49-F238E27FC236}">
                    <a16:creationId xmlns:a16="http://schemas.microsoft.com/office/drawing/2014/main" id="{48FAD22D-67B5-BF84-5121-76A8865737FB}"/>
                  </a:ext>
                </a:extLst>
              </p:cNvPr>
              <p:cNvCxnSpPr>
                <a:cxnSpLocks/>
                <a:stCxn id="137" idx="5"/>
                <a:endCxn id="138" idx="1"/>
              </p:cNvCxnSpPr>
              <p:nvPr/>
            </p:nvCxnSpPr>
            <p:spPr bwMode="auto">
              <a:xfrm>
                <a:off x="4819376" y="3964682"/>
                <a:ext cx="453458" cy="580706"/>
              </a:xfrm>
              <a:prstGeom prst="line">
                <a:avLst/>
              </a:prstGeom>
              <a:solidFill>
                <a:schemeClr val="accent1"/>
              </a:solidFill>
              <a:ln w="6350" cap="flat" cmpd="sng" algn="ctr">
                <a:solidFill>
                  <a:schemeClr val="bg1">
                    <a:lumMod val="65000"/>
                  </a:schemeClr>
                </a:solidFill>
                <a:prstDash val="solid"/>
                <a:round/>
                <a:headEnd type="none" w="med" len="med"/>
                <a:tailEnd type="none"/>
              </a:ln>
              <a:effectLst/>
            </p:spPr>
          </p:cxnSp>
          <p:cxnSp>
            <p:nvCxnSpPr>
              <p:cNvPr id="140" name="Straight Connector 139">
                <a:extLst>
                  <a:ext uri="{FF2B5EF4-FFF2-40B4-BE49-F238E27FC236}">
                    <a16:creationId xmlns:a16="http://schemas.microsoft.com/office/drawing/2014/main" id="{E1FF7B02-BD3F-7576-E089-3010FC199688}"/>
                  </a:ext>
                </a:extLst>
              </p:cNvPr>
              <p:cNvCxnSpPr>
                <a:cxnSpLocks/>
                <a:stCxn id="137" idx="5"/>
                <a:endCxn id="152" idx="1"/>
              </p:cNvCxnSpPr>
              <p:nvPr/>
            </p:nvCxnSpPr>
            <p:spPr bwMode="auto">
              <a:xfrm>
                <a:off x="4819376" y="3964682"/>
                <a:ext cx="501816" cy="314304"/>
              </a:xfrm>
              <a:prstGeom prst="line">
                <a:avLst/>
              </a:prstGeom>
              <a:solidFill>
                <a:schemeClr val="accent1"/>
              </a:solidFill>
              <a:ln w="6350" cap="flat" cmpd="sng" algn="ctr">
                <a:solidFill>
                  <a:schemeClr val="bg1">
                    <a:lumMod val="65000"/>
                  </a:schemeClr>
                </a:solidFill>
                <a:prstDash val="solid"/>
                <a:round/>
                <a:headEnd type="none" w="med" len="med"/>
                <a:tailEnd type="none"/>
              </a:ln>
              <a:effectLst/>
            </p:spPr>
          </p:cxnSp>
          <p:cxnSp>
            <p:nvCxnSpPr>
              <p:cNvPr id="141" name="Straight Connector 140">
                <a:extLst>
                  <a:ext uri="{FF2B5EF4-FFF2-40B4-BE49-F238E27FC236}">
                    <a16:creationId xmlns:a16="http://schemas.microsoft.com/office/drawing/2014/main" id="{3C4C23C6-9E11-4F27-D180-83228783E420}"/>
                  </a:ext>
                </a:extLst>
              </p:cNvPr>
              <p:cNvCxnSpPr>
                <a:cxnSpLocks/>
                <a:stCxn id="137" idx="5"/>
                <a:endCxn id="136" idx="2"/>
              </p:cNvCxnSpPr>
              <p:nvPr/>
            </p:nvCxnSpPr>
            <p:spPr bwMode="auto">
              <a:xfrm>
                <a:off x="4819376" y="3964682"/>
                <a:ext cx="664555" cy="71899"/>
              </a:xfrm>
              <a:prstGeom prst="line">
                <a:avLst/>
              </a:prstGeom>
              <a:solidFill>
                <a:schemeClr val="accent1"/>
              </a:solidFill>
              <a:ln w="6350" cap="flat" cmpd="sng" algn="ctr">
                <a:solidFill>
                  <a:schemeClr val="bg1">
                    <a:lumMod val="65000"/>
                  </a:schemeClr>
                </a:solidFill>
                <a:prstDash val="solid"/>
                <a:round/>
                <a:headEnd type="none" w="med" len="med"/>
                <a:tailEnd type="none"/>
              </a:ln>
              <a:effectLst/>
            </p:spPr>
          </p:cxnSp>
          <p:cxnSp>
            <p:nvCxnSpPr>
              <p:cNvPr id="142" name="Straight Connector 141">
                <a:extLst>
                  <a:ext uri="{FF2B5EF4-FFF2-40B4-BE49-F238E27FC236}">
                    <a16:creationId xmlns:a16="http://schemas.microsoft.com/office/drawing/2014/main" id="{52D9D382-4F00-5418-C123-4A086F10B518}"/>
                  </a:ext>
                </a:extLst>
              </p:cNvPr>
              <p:cNvCxnSpPr>
                <a:cxnSpLocks/>
                <a:stCxn id="137" idx="7"/>
                <a:endCxn id="135" idx="3"/>
              </p:cNvCxnSpPr>
              <p:nvPr/>
            </p:nvCxnSpPr>
            <p:spPr bwMode="auto">
              <a:xfrm flipV="1">
                <a:off x="4819376" y="3722260"/>
                <a:ext cx="356373" cy="113106"/>
              </a:xfrm>
              <a:prstGeom prst="line">
                <a:avLst/>
              </a:prstGeom>
              <a:solidFill>
                <a:schemeClr val="accent1"/>
              </a:solidFill>
              <a:ln w="6350" cap="flat" cmpd="sng" algn="ctr">
                <a:solidFill>
                  <a:schemeClr val="bg1">
                    <a:lumMod val="65000"/>
                  </a:schemeClr>
                </a:solidFill>
                <a:prstDash val="solid"/>
                <a:round/>
                <a:headEnd type="none" w="med" len="med"/>
                <a:tailEnd type="none"/>
              </a:ln>
              <a:effectLst/>
            </p:spPr>
          </p:cxnSp>
          <p:cxnSp>
            <p:nvCxnSpPr>
              <p:cNvPr id="143" name="Straight Connector 142">
                <a:extLst>
                  <a:ext uri="{FF2B5EF4-FFF2-40B4-BE49-F238E27FC236}">
                    <a16:creationId xmlns:a16="http://schemas.microsoft.com/office/drawing/2014/main" id="{12FE7F55-3524-533E-2B23-997ECED0123D}"/>
                  </a:ext>
                </a:extLst>
              </p:cNvPr>
              <p:cNvCxnSpPr>
                <a:stCxn id="135" idx="5"/>
                <a:endCxn id="136" idx="1"/>
              </p:cNvCxnSpPr>
              <p:nvPr/>
            </p:nvCxnSpPr>
            <p:spPr bwMode="auto">
              <a:xfrm>
                <a:off x="5305065" y="3722260"/>
                <a:ext cx="205648" cy="249663"/>
              </a:xfrm>
              <a:prstGeom prst="line">
                <a:avLst/>
              </a:prstGeom>
              <a:solidFill>
                <a:schemeClr val="accent1"/>
              </a:solidFill>
              <a:ln w="6350" cap="flat" cmpd="sng" algn="ctr">
                <a:solidFill>
                  <a:schemeClr val="bg1">
                    <a:lumMod val="65000"/>
                  </a:schemeClr>
                </a:solidFill>
                <a:prstDash val="solid"/>
                <a:round/>
                <a:headEnd type="none" w="med" len="med"/>
                <a:tailEnd type="none"/>
              </a:ln>
              <a:effectLst/>
            </p:spPr>
          </p:cxnSp>
          <p:cxnSp>
            <p:nvCxnSpPr>
              <p:cNvPr id="144" name="Straight Connector 143">
                <a:extLst>
                  <a:ext uri="{FF2B5EF4-FFF2-40B4-BE49-F238E27FC236}">
                    <a16:creationId xmlns:a16="http://schemas.microsoft.com/office/drawing/2014/main" id="{A9720703-4E99-B37D-E0A2-0D2792F91ADD}"/>
                  </a:ext>
                </a:extLst>
              </p:cNvPr>
              <p:cNvCxnSpPr>
                <a:stCxn id="135" idx="4"/>
                <a:endCxn id="152" idx="0"/>
              </p:cNvCxnSpPr>
              <p:nvPr/>
            </p:nvCxnSpPr>
            <p:spPr bwMode="auto">
              <a:xfrm>
                <a:off x="5240407" y="3749042"/>
                <a:ext cx="145443" cy="503162"/>
              </a:xfrm>
              <a:prstGeom prst="line">
                <a:avLst/>
              </a:prstGeom>
              <a:solidFill>
                <a:schemeClr val="accent1"/>
              </a:solidFill>
              <a:ln w="6350" cap="flat" cmpd="sng" algn="ctr">
                <a:solidFill>
                  <a:schemeClr val="bg1">
                    <a:lumMod val="65000"/>
                  </a:schemeClr>
                </a:solidFill>
                <a:prstDash val="solid"/>
                <a:round/>
                <a:headEnd type="none" w="med" len="med"/>
                <a:tailEnd type="none"/>
              </a:ln>
              <a:effectLst/>
            </p:spPr>
          </p:cxnSp>
          <p:cxnSp>
            <p:nvCxnSpPr>
              <p:cNvPr id="145" name="Straight Connector 144">
                <a:extLst>
                  <a:ext uri="{FF2B5EF4-FFF2-40B4-BE49-F238E27FC236}">
                    <a16:creationId xmlns:a16="http://schemas.microsoft.com/office/drawing/2014/main" id="{49B94CC4-DA85-2142-F00B-C7138A717ABA}"/>
                  </a:ext>
                </a:extLst>
              </p:cNvPr>
              <p:cNvCxnSpPr>
                <a:cxnSpLocks/>
                <a:stCxn id="135" idx="4"/>
                <a:endCxn id="138" idx="1"/>
              </p:cNvCxnSpPr>
              <p:nvPr/>
            </p:nvCxnSpPr>
            <p:spPr bwMode="auto">
              <a:xfrm>
                <a:off x="5240407" y="3749042"/>
                <a:ext cx="32427" cy="796346"/>
              </a:xfrm>
              <a:prstGeom prst="line">
                <a:avLst/>
              </a:prstGeom>
              <a:solidFill>
                <a:schemeClr val="accent1"/>
              </a:solidFill>
              <a:ln w="6350" cap="flat" cmpd="sng" algn="ctr">
                <a:solidFill>
                  <a:schemeClr val="bg1">
                    <a:lumMod val="65000"/>
                  </a:schemeClr>
                </a:solidFill>
                <a:prstDash val="solid"/>
                <a:round/>
                <a:headEnd type="none" w="med" len="med"/>
                <a:tailEnd type="none"/>
              </a:ln>
              <a:effectLst/>
            </p:spPr>
          </p:cxnSp>
          <p:cxnSp>
            <p:nvCxnSpPr>
              <p:cNvPr id="146" name="Straight Connector 145">
                <a:extLst>
                  <a:ext uri="{FF2B5EF4-FFF2-40B4-BE49-F238E27FC236}">
                    <a16:creationId xmlns:a16="http://schemas.microsoft.com/office/drawing/2014/main" id="{C4E1E15B-4092-1F65-0EED-D273761CB9A9}"/>
                  </a:ext>
                </a:extLst>
              </p:cNvPr>
              <p:cNvCxnSpPr>
                <a:cxnSpLocks/>
                <a:stCxn id="136" idx="3"/>
                <a:endCxn id="152" idx="0"/>
              </p:cNvCxnSpPr>
              <p:nvPr/>
            </p:nvCxnSpPr>
            <p:spPr bwMode="auto">
              <a:xfrm flipH="1">
                <a:off x="5385850" y="4101239"/>
                <a:ext cx="124863" cy="150965"/>
              </a:xfrm>
              <a:prstGeom prst="line">
                <a:avLst/>
              </a:prstGeom>
              <a:solidFill>
                <a:schemeClr val="accent1"/>
              </a:solidFill>
              <a:ln w="6350" cap="flat" cmpd="sng" algn="ctr">
                <a:solidFill>
                  <a:schemeClr val="bg1">
                    <a:lumMod val="65000"/>
                  </a:schemeClr>
                </a:solidFill>
                <a:prstDash val="solid"/>
                <a:round/>
                <a:headEnd type="none" w="med" len="med"/>
                <a:tailEnd type="none"/>
              </a:ln>
              <a:effectLst/>
            </p:spPr>
          </p:cxnSp>
          <p:cxnSp>
            <p:nvCxnSpPr>
              <p:cNvPr id="147" name="Straight Connector 146">
                <a:extLst>
                  <a:ext uri="{FF2B5EF4-FFF2-40B4-BE49-F238E27FC236}">
                    <a16:creationId xmlns:a16="http://schemas.microsoft.com/office/drawing/2014/main" id="{EA5BFC38-6238-E2A3-4893-67E123303488}"/>
                  </a:ext>
                </a:extLst>
              </p:cNvPr>
              <p:cNvCxnSpPr>
                <a:cxnSpLocks/>
                <a:stCxn id="136" idx="3"/>
                <a:endCxn id="138" idx="7"/>
              </p:cNvCxnSpPr>
              <p:nvPr/>
            </p:nvCxnSpPr>
            <p:spPr bwMode="auto">
              <a:xfrm flipH="1">
                <a:off x="5402150" y="4101239"/>
                <a:ext cx="108563" cy="444149"/>
              </a:xfrm>
              <a:prstGeom prst="line">
                <a:avLst/>
              </a:prstGeom>
              <a:solidFill>
                <a:schemeClr val="accent1"/>
              </a:solidFill>
              <a:ln w="6350" cap="flat" cmpd="sng" algn="ctr">
                <a:solidFill>
                  <a:schemeClr val="bg1">
                    <a:lumMod val="65000"/>
                  </a:schemeClr>
                </a:solidFill>
                <a:prstDash val="solid"/>
                <a:round/>
                <a:headEnd type="none" w="med" len="med"/>
                <a:tailEnd type="none"/>
              </a:ln>
              <a:effectLst/>
            </p:spPr>
          </p:cxnSp>
          <p:sp>
            <p:nvSpPr>
              <p:cNvPr id="148" name="Oval 147">
                <a:extLst>
                  <a:ext uri="{FF2B5EF4-FFF2-40B4-BE49-F238E27FC236}">
                    <a16:creationId xmlns:a16="http://schemas.microsoft.com/office/drawing/2014/main" id="{761513F2-9F37-52FB-E48B-B027A4BC4C9F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4331507" y="4891262"/>
                <a:ext cx="182880" cy="182880"/>
              </a:xfrm>
              <a:prstGeom prst="ellipse">
                <a:avLst/>
              </a:prstGeom>
              <a:solidFill>
                <a:schemeClr val="accent6">
                  <a:lumMod val="60000"/>
                  <a:lumOff val="40000"/>
                </a:schemeClr>
              </a:solidFill>
              <a:ln w="12700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cxnSp>
            <p:nvCxnSpPr>
              <p:cNvPr id="149" name="Straight Connector 148">
                <a:extLst>
                  <a:ext uri="{FF2B5EF4-FFF2-40B4-BE49-F238E27FC236}">
                    <a16:creationId xmlns:a16="http://schemas.microsoft.com/office/drawing/2014/main" id="{DDFCEB27-6C1E-6EAB-D69A-01650D0A5C14}"/>
                  </a:ext>
                </a:extLst>
              </p:cNvPr>
              <p:cNvCxnSpPr>
                <a:stCxn id="148" idx="0"/>
                <a:endCxn id="137" idx="4"/>
              </p:cNvCxnSpPr>
              <p:nvPr/>
            </p:nvCxnSpPr>
            <p:spPr bwMode="auto">
              <a:xfrm flipV="1">
                <a:off x="4422947" y="3991464"/>
                <a:ext cx="331771" cy="899798"/>
              </a:xfrm>
              <a:prstGeom prst="line">
                <a:avLst/>
              </a:prstGeom>
              <a:solidFill>
                <a:schemeClr val="accent1"/>
              </a:solidFill>
              <a:ln w="6350" cap="flat" cmpd="sng" algn="ctr">
                <a:solidFill>
                  <a:schemeClr val="bg1">
                    <a:lumMod val="65000"/>
                  </a:schemeClr>
                </a:solidFill>
                <a:prstDash val="solid"/>
                <a:round/>
                <a:headEnd type="none" w="med" len="med"/>
                <a:tailEnd type="none"/>
              </a:ln>
              <a:effectLst/>
            </p:spPr>
          </p:cxnSp>
          <p:cxnSp>
            <p:nvCxnSpPr>
              <p:cNvPr id="150" name="Straight Connector 149">
                <a:extLst>
                  <a:ext uri="{FF2B5EF4-FFF2-40B4-BE49-F238E27FC236}">
                    <a16:creationId xmlns:a16="http://schemas.microsoft.com/office/drawing/2014/main" id="{3AB386E8-B2ED-42BE-9183-474A6B684639}"/>
                  </a:ext>
                </a:extLst>
              </p:cNvPr>
              <p:cNvCxnSpPr>
                <a:stCxn id="148" idx="7"/>
                <a:endCxn id="152" idx="3"/>
              </p:cNvCxnSpPr>
              <p:nvPr/>
            </p:nvCxnSpPr>
            <p:spPr bwMode="auto">
              <a:xfrm flipV="1">
                <a:off x="4487605" y="4408302"/>
                <a:ext cx="833587" cy="509742"/>
              </a:xfrm>
              <a:prstGeom prst="line">
                <a:avLst/>
              </a:prstGeom>
              <a:solidFill>
                <a:schemeClr val="accent1"/>
              </a:solidFill>
              <a:ln w="6350" cap="flat" cmpd="sng" algn="ctr">
                <a:solidFill>
                  <a:schemeClr val="bg1">
                    <a:lumMod val="65000"/>
                  </a:schemeClr>
                </a:solidFill>
                <a:prstDash val="solid"/>
                <a:round/>
                <a:headEnd type="none" w="med" len="med"/>
                <a:tailEnd type="none"/>
              </a:ln>
              <a:effectLst/>
            </p:spPr>
          </p:cxnSp>
          <p:cxnSp>
            <p:nvCxnSpPr>
              <p:cNvPr id="151" name="Straight Connector 150">
                <a:extLst>
                  <a:ext uri="{FF2B5EF4-FFF2-40B4-BE49-F238E27FC236}">
                    <a16:creationId xmlns:a16="http://schemas.microsoft.com/office/drawing/2014/main" id="{52B0103F-3C45-7724-266E-A78761933F48}"/>
                  </a:ext>
                </a:extLst>
              </p:cNvPr>
              <p:cNvCxnSpPr>
                <a:stCxn id="148" idx="7"/>
                <a:endCxn id="138" idx="2"/>
              </p:cNvCxnSpPr>
              <p:nvPr/>
            </p:nvCxnSpPr>
            <p:spPr bwMode="auto">
              <a:xfrm flipV="1">
                <a:off x="4487605" y="4610046"/>
                <a:ext cx="758447" cy="307998"/>
              </a:xfrm>
              <a:prstGeom prst="line">
                <a:avLst/>
              </a:prstGeom>
              <a:solidFill>
                <a:schemeClr val="accent1"/>
              </a:solidFill>
              <a:ln w="6350" cap="flat" cmpd="sng" algn="ctr">
                <a:solidFill>
                  <a:schemeClr val="bg1">
                    <a:lumMod val="65000"/>
                  </a:schemeClr>
                </a:solidFill>
                <a:prstDash val="solid"/>
                <a:round/>
                <a:headEnd type="none" w="med" len="med"/>
                <a:tailEnd type="none"/>
              </a:ln>
              <a:effectLst/>
            </p:spPr>
          </p:cxnSp>
          <p:sp>
            <p:nvSpPr>
              <p:cNvPr id="152" name="Oval 151">
                <a:extLst>
                  <a:ext uri="{FF2B5EF4-FFF2-40B4-BE49-F238E27FC236}">
                    <a16:creationId xmlns:a16="http://schemas.microsoft.com/office/drawing/2014/main" id="{405088D4-976E-7E58-6444-331CF1CA7FE2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5294410" y="4252204"/>
                <a:ext cx="182880" cy="182880"/>
              </a:xfrm>
              <a:prstGeom prst="ellipse">
                <a:avLst/>
              </a:prstGeom>
              <a:solidFill>
                <a:schemeClr val="accent6">
                  <a:lumMod val="60000"/>
                  <a:lumOff val="40000"/>
                </a:schemeClr>
              </a:solidFill>
              <a:ln w="12700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</p:grpSp>
        <p:sp>
          <p:nvSpPr>
            <p:cNvPr id="129" name="TextBox 128">
              <a:extLst>
                <a:ext uri="{FF2B5EF4-FFF2-40B4-BE49-F238E27FC236}">
                  <a16:creationId xmlns:a16="http://schemas.microsoft.com/office/drawing/2014/main" id="{7425894B-88F4-039E-3442-87E5D6FC236D}"/>
                </a:ext>
              </a:extLst>
            </p:cNvPr>
            <p:cNvSpPr txBox="1"/>
            <p:nvPr/>
          </p:nvSpPr>
          <p:spPr>
            <a:xfrm>
              <a:off x="4196417" y="3782346"/>
              <a:ext cx="157125" cy="186586"/>
            </a:xfrm>
            <a:prstGeom prst="rect">
              <a:avLst/>
            </a:prstGeom>
          </p:spPr>
          <p:txBody>
            <a:bodyPr vert="horz" wrap="square" lIns="96000" tIns="48000" rIns="96000" bIns="48000" rtlCol="0" anchor="t">
              <a:noAutofit/>
            </a:bodyPr>
            <a:lstStyle/>
            <a:p>
              <a:pPr algn="ctr" defTabSz="1219170" fontAlgn="base">
                <a:spcBef>
                  <a:spcPts val="1067"/>
                </a:spcBef>
                <a:spcAft>
                  <a:spcPct val="0"/>
                </a:spcAft>
              </a:pPr>
              <a:r>
                <a:rPr lang="en-US" sz="1067" b="1" kern="1000" spc="-40">
                  <a:latin typeface="Ericsson Hilda"/>
                </a:rPr>
                <a:t>A</a:t>
              </a:r>
            </a:p>
          </p:txBody>
        </p:sp>
        <p:sp>
          <p:nvSpPr>
            <p:cNvPr id="130" name="TextBox 129">
              <a:extLst>
                <a:ext uri="{FF2B5EF4-FFF2-40B4-BE49-F238E27FC236}">
                  <a16:creationId xmlns:a16="http://schemas.microsoft.com/office/drawing/2014/main" id="{538ABDBB-19AE-A4A5-4210-5036142D105B}"/>
                </a:ext>
              </a:extLst>
            </p:cNvPr>
            <p:cNvSpPr txBox="1"/>
            <p:nvPr/>
          </p:nvSpPr>
          <p:spPr>
            <a:xfrm>
              <a:off x="3916478" y="4676182"/>
              <a:ext cx="157125" cy="186586"/>
            </a:xfrm>
            <a:prstGeom prst="rect">
              <a:avLst/>
            </a:prstGeom>
          </p:spPr>
          <p:txBody>
            <a:bodyPr vert="horz" wrap="square" lIns="96000" tIns="48000" rIns="96000" bIns="48000" rtlCol="0" anchor="t">
              <a:noAutofit/>
            </a:bodyPr>
            <a:lstStyle/>
            <a:p>
              <a:pPr algn="ctr" defTabSz="1219170" fontAlgn="base">
                <a:spcBef>
                  <a:spcPts val="1067"/>
                </a:spcBef>
                <a:spcAft>
                  <a:spcPct val="0"/>
                </a:spcAft>
              </a:pPr>
              <a:r>
                <a:rPr lang="en-US" sz="1067" b="1" kern="1000" spc="-40">
                  <a:latin typeface="Ericsson Hilda"/>
                </a:rPr>
                <a:t>B</a:t>
              </a:r>
            </a:p>
          </p:txBody>
        </p:sp>
        <p:sp>
          <p:nvSpPr>
            <p:cNvPr id="131" name="TextBox 130">
              <a:extLst>
                <a:ext uri="{FF2B5EF4-FFF2-40B4-BE49-F238E27FC236}">
                  <a16:creationId xmlns:a16="http://schemas.microsoft.com/office/drawing/2014/main" id="{813D8123-BA77-BDEB-CD23-61D4216100A8}"/>
                </a:ext>
              </a:extLst>
            </p:cNvPr>
            <p:cNvSpPr txBox="1"/>
            <p:nvPr/>
          </p:nvSpPr>
          <p:spPr>
            <a:xfrm>
              <a:off x="4595114" y="3584890"/>
              <a:ext cx="157125" cy="186586"/>
            </a:xfrm>
            <a:prstGeom prst="rect">
              <a:avLst/>
            </a:prstGeom>
          </p:spPr>
          <p:txBody>
            <a:bodyPr vert="horz" wrap="square" lIns="96000" tIns="48000" rIns="96000" bIns="48000" rtlCol="0" anchor="t">
              <a:noAutofit/>
            </a:bodyPr>
            <a:lstStyle/>
            <a:p>
              <a:pPr algn="ctr" defTabSz="1219170" fontAlgn="base">
                <a:spcBef>
                  <a:spcPts val="1067"/>
                </a:spcBef>
                <a:spcAft>
                  <a:spcPct val="0"/>
                </a:spcAft>
              </a:pPr>
              <a:r>
                <a:rPr lang="en-US" sz="1067" b="1" kern="1000" spc="-40">
                  <a:latin typeface="Ericsson Hilda"/>
                </a:rPr>
                <a:t>C</a:t>
              </a:r>
            </a:p>
          </p:txBody>
        </p:sp>
        <p:sp>
          <p:nvSpPr>
            <p:cNvPr id="132" name="TextBox 131">
              <a:extLst>
                <a:ext uri="{FF2B5EF4-FFF2-40B4-BE49-F238E27FC236}">
                  <a16:creationId xmlns:a16="http://schemas.microsoft.com/office/drawing/2014/main" id="{54AEF570-2162-0D67-662B-8440758B1472}"/>
                </a:ext>
              </a:extLst>
            </p:cNvPr>
            <p:cNvSpPr txBox="1"/>
            <p:nvPr/>
          </p:nvSpPr>
          <p:spPr>
            <a:xfrm>
              <a:off x="4870617" y="3896676"/>
              <a:ext cx="157125" cy="186586"/>
            </a:xfrm>
            <a:prstGeom prst="rect">
              <a:avLst/>
            </a:prstGeom>
          </p:spPr>
          <p:txBody>
            <a:bodyPr vert="horz" wrap="square" lIns="96000" tIns="48000" rIns="96000" bIns="48000" rtlCol="0" anchor="t">
              <a:noAutofit/>
            </a:bodyPr>
            <a:lstStyle/>
            <a:p>
              <a:pPr algn="ctr" defTabSz="1219170" fontAlgn="base">
                <a:spcBef>
                  <a:spcPts val="1067"/>
                </a:spcBef>
                <a:spcAft>
                  <a:spcPct val="0"/>
                </a:spcAft>
              </a:pPr>
              <a:r>
                <a:rPr lang="en-US" sz="1067" b="1" kern="1000" spc="-40">
                  <a:latin typeface="Ericsson Hilda"/>
                </a:rPr>
                <a:t>D</a:t>
              </a:r>
            </a:p>
          </p:txBody>
        </p:sp>
        <p:sp>
          <p:nvSpPr>
            <p:cNvPr id="133" name="TextBox 132">
              <a:extLst>
                <a:ext uri="{FF2B5EF4-FFF2-40B4-BE49-F238E27FC236}">
                  <a16:creationId xmlns:a16="http://schemas.microsoft.com/office/drawing/2014/main" id="{F6D58198-39CC-B4B2-B729-1CA0466E8D36}"/>
                </a:ext>
              </a:extLst>
            </p:cNvPr>
            <p:cNvSpPr txBox="1"/>
            <p:nvPr/>
          </p:nvSpPr>
          <p:spPr>
            <a:xfrm>
              <a:off x="4713435" y="4147874"/>
              <a:ext cx="157125" cy="186586"/>
            </a:xfrm>
            <a:prstGeom prst="rect">
              <a:avLst/>
            </a:prstGeom>
          </p:spPr>
          <p:txBody>
            <a:bodyPr vert="horz" wrap="square" lIns="96000" tIns="48000" rIns="96000" bIns="48000" rtlCol="0" anchor="t">
              <a:noAutofit/>
            </a:bodyPr>
            <a:lstStyle/>
            <a:p>
              <a:pPr algn="ctr" defTabSz="1219170" fontAlgn="base">
                <a:spcBef>
                  <a:spcPts val="1067"/>
                </a:spcBef>
                <a:spcAft>
                  <a:spcPct val="0"/>
                </a:spcAft>
              </a:pPr>
              <a:r>
                <a:rPr lang="en-US" sz="1067" b="1" kern="1000" spc="-40">
                  <a:latin typeface="Ericsson Hilda"/>
                </a:rPr>
                <a:t>E</a:t>
              </a:r>
            </a:p>
          </p:txBody>
        </p:sp>
        <p:sp>
          <p:nvSpPr>
            <p:cNvPr id="134" name="TextBox 133">
              <a:extLst>
                <a:ext uri="{FF2B5EF4-FFF2-40B4-BE49-F238E27FC236}">
                  <a16:creationId xmlns:a16="http://schemas.microsoft.com/office/drawing/2014/main" id="{42F664D3-2FE3-0883-D242-21FE86913545}"/>
                </a:ext>
              </a:extLst>
            </p:cNvPr>
            <p:cNvSpPr txBox="1"/>
            <p:nvPr/>
          </p:nvSpPr>
          <p:spPr>
            <a:xfrm>
              <a:off x="4677297" y="4372117"/>
              <a:ext cx="157125" cy="186586"/>
            </a:xfrm>
            <a:prstGeom prst="rect">
              <a:avLst/>
            </a:prstGeom>
          </p:spPr>
          <p:txBody>
            <a:bodyPr vert="horz" wrap="square" lIns="96000" tIns="48000" rIns="96000" bIns="48000" rtlCol="0" anchor="t">
              <a:noAutofit/>
            </a:bodyPr>
            <a:lstStyle/>
            <a:p>
              <a:pPr algn="ctr" defTabSz="1219170" fontAlgn="base">
                <a:spcBef>
                  <a:spcPts val="1067"/>
                </a:spcBef>
                <a:spcAft>
                  <a:spcPct val="0"/>
                </a:spcAft>
              </a:pPr>
              <a:r>
                <a:rPr lang="en-US" sz="1067" b="1" kern="1000" spc="-40">
                  <a:latin typeface="Ericsson Hilda"/>
                </a:rPr>
                <a:t>F</a:t>
              </a:r>
            </a:p>
          </p:txBody>
        </p:sp>
      </p:grpSp>
      <p:sp>
        <p:nvSpPr>
          <p:cNvPr id="153" name="Rectangle 152">
            <a:extLst>
              <a:ext uri="{FF2B5EF4-FFF2-40B4-BE49-F238E27FC236}">
                <a16:creationId xmlns:a16="http://schemas.microsoft.com/office/drawing/2014/main" id="{9C919735-2DB8-E429-B310-8980D8E66936}"/>
              </a:ext>
            </a:extLst>
          </p:cNvPr>
          <p:cNvSpPr/>
          <p:nvPr/>
        </p:nvSpPr>
        <p:spPr>
          <a:xfrm>
            <a:off x="1524337" y="789693"/>
            <a:ext cx="4915447" cy="74898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467" b="1" dirty="0">
                <a:solidFill>
                  <a:srgbClr val="181818"/>
                </a:solidFill>
              </a:rPr>
              <a:t>Digital Twin</a:t>
            </a:r>
          </a:p>
          <a:p>
            <a:pPr algn="ctr"/>
            <a:r>
              <a:rPr lang="en-US" sz="1400" kern="1000" spc="-40" dirty="0">
                <a:solidFill>
                  <a:srgbClr val="181818"/>
                </a:solidFill>
              </a:rPr>
              <a:t>Apply Graph Neural Network (GNN) to accurately model radio cellular network relations &amp; configurations</a:t>
            </a:r>
            <a:endParaRPr lang="en-US" sz="1400" dirty="0"/>
          </a:p>
        </p:txBody>
      </p:sp>
      <p:cxnSp>
        <p:nvCxnSpPr>
          <p:cNvPr id="154" name="Straight Arrow Connector 153">
            <a:extLst>
              <a:ext uri="{FF2B5EF4-FFF2-40B4-BE49-F238E27FC236}">
                <a16:creationId xmlns:a16="http://schemas.microsoft.com/office/drawing/2014/main" id="{0EE6685F-B7A5-7C72-37F2-708597ADBEBC}"/>
              </a:ext>
            </a:extLst>
          </p:cNvPr>
          <p:cNvCxnSpPr>
            <a:cxnSpLocks/>
          </p:cNvCxnSpPr>
          <p:nvPr/>
        </p:nvCxnSpPr>
        <p:spPr bwMode="auto">
          <a:xfrm>
            <a:off x="6892426" y="3074285"/>
            <a:ext cx="175701" cy="431928"/>
          </a:xfrm>
          <a:prstGeom prst="straightConnector1">
            <a:avLst/>
          </a:prstGeom>
          <a:solidFill>
            <a:schemeClr val="accent1"/>
          </a:solidFill>
          <a:ln w="127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55" name="Rectangle: Rounded Corners 154">
            <a:extLst>
              <a:ext uri="{FF2B5EF4-FFF2-40B4-BE49-F238E27FC236}">
                <a16:creationId xmlns:a16="http://schemas.microsoft.com/office/drawing/2014/main" id="{95D1BC53-1A9D-9DD4-0D3B-AF65D3F81A98}"/>
              </a:ext>
            </a:extLst>
          </p:cNvPr>
          <p:cNvSpPr/>
          <p:nvPr/>
        </p:nvSpPr>
        <p:spPr bwMode="auto">
          <a:xfrm>
            <a:off x="6188775" y="5551130"/>
            <a:ext cx="1102781" cy="718551"/>
          </a:xfrm>
          <a:prstGeom prst="roundRect">
            <a:avLst/>
          </a:prstGeom>
          <a:solidFill>
            <a:srgbClr val="0082F0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476239" indent="-476239" defTabSz="1219170" fontAlgn="base">
              <a:spcBef>
                <a:spcPts val="400"/>
              </a:spcBef>
              <a:spcAft>
                <a:spcPct val="0"/>
              </a:spcAft>
              <a:buFont typeface="Ericsson Hilda" panose="00000500000000000000" pitchFamily="2" charset="0"/>
              <a:buChar char="—"/>
            </a:pPr>
            <a:endParaRPr lang="en-US" sz="2667">
              <a:solidFill>
                <a:schemeClr val="bg1"/>
              </a:solidFill>
            </a:endParaRPr>
          </a:p>
        </p:txBody>
      </p:sp>
      <p:sp>
        <p:nvSpPr>
          <p:cNvPr id="156" name="Rectangle: Rounded Corners 155">
            <a:extLst>
              <a:ext uri="{FF2B5EF4-FFF2-40B4-BE49-F238E27FC236}">
                <a16:creationId xmlns:a16="http://schemas.microsoft.com/office/drawing/2014/main" id="{361000F8-1DB7-5CFC-3246-1ED9788EAA24}"/>
              </a:ext>
            </a:extLst>
          </p:cNvPr>
          <p:cNvSpPr/>
          <p:nvPr/>
        </p:nvSpPr>
        <p:spPr bwMode="auto">
          <a:xfrm>
            <a:off x="120328" y="5583827"/>
            <a:ext cx="1102781" cy="718551"/>
          </a:xfrm>
          <a:prstGeom prst="roundRect">
            <a:avLst/>
          </a:prstGeom>
          <a:solidFill>
            <a:srgbClr val="0082F0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476239" indent="-476239" defTabSz="1219170" fontAlgn="base">
              <a:spcBef>
                <a:spcPts val="400"/>
              </a:spcBef>
              <a:spcAft>
                <a:spcPct val="0"/>
              </a:spcAft>
              <a:buFont typeface="Ericsson Hilda" panose="00000500000000000000" pitchFamily="2" charset="0"/>
              <a:buChar char="—"/>
            </a:pPr>
            <a:endParaRPr lang="en-US" sz="2667">
              <a:solidFill>
                <a:schemeClr val="bg1"/>
              </a:solidFill>
            </a:endParaRPr>
          </a:p>
        </p:txBody>
      </p:sp>
      <p:pic>
        <p:nvPicPr>
          <p:cNvPr id="157" name="Picture Placeholder 39">
            <a:extLst>
              <a:ext uri="{FF2B5EF4-FFF2-40B4-BE49-F238E27FC236}">
                <a16:creationId xmlns:a16="http://schemas.microsoft.com/office/drawing/2014/main" id="{F57F5EE1-A853-E15C-317C-88A33E1DE170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rcRect t="110" b="110"/>
          <a:stretch>
            <a:fillRect/>
          </a:stretch>
        </p:blipFill>
        <p:spPr>
          <a:xfrm>
            <a:off x="6433315" y="5626301"/>
            <a:ext cx="585287" cy="585287"/>
          </a:xfrm>
          <a:prstGeom prst="rect">
            <a:avLst/>
          </a:prstGeom>
        </p:spPr>
      </p:pic>
      <p:pic>
        <p:nvPicPr>
          <p:cNvPr id="158" name="Picture Placeholder 29">
            <a:extLst>
              <a:ext uri="{FF2B5EF4-FFF2-40B4-BE49-F238E27FC236}">
                <a16:creationId xmlns:a16="http://schemas.microsoft.com/office/drawing/2014/main" id="{52155BDB-0A83-772F-AAC5-4B6CC5890F7D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rcRect t="73" b="73"/>
          <a:stretch>
            <a:fillRect/>
          </a:stretch>
        </p:blipFill>
        <p:spPr>
          <a:xfrm>
            <a:off x="311809" y="5638385"/>
            <a:ext cx="651683" cy="651683"/>
          </a:xfrm>
          <a:prstGeom prst="rect">
            <a:avLst/>
          </a:prstGeom>
        </p:spPr>
      </p:pic>
      <p:sp>
        <p:nvSpPr>
          <p:cNvPr id="159" name="TextBox 158">
            <a:extLst>
              <a:ext uri="{FF2B5EF4-FFF2-40B4-BE49-F238E27FC236}">
                <a16:creationId xmlns:a16="http://schemas.microsoft.com/office/drawing/2014/main" id="{E35D4AE8-788A-ABA1-E3E3-051F754388A5}"/>
              </a:ext>
            </a:extLst>
          </p:cNvPr>
          <p:cNvSpPr txBox="1"/>
          <p:nvPr/>
        </p:nvSpPr>
        <p:spPr>
          <a:xfrm>
            <a:off x="1203354" y="5558734"/>
            <a:ext cx="4570532" cy="68723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16933" algn="just">
              <a:spcBef>
                <a:spcPts val="867"/>
              </a:spcBef>
            </a:pPr>
            <a:r>
              <a:rPr lang="en-US" sz="1067" b="1" dirty="0">
                <a:cs typeface="Arial"/>
              </a:rPr>
              <a:t>Accurate modeling of real cellular network behavior</a:t>
            </a:r>
          </a:p>
          <a:p>
            <a:pPr marL="16933" algn="just"/>
            <a:r>
              <a:rPr lang="en-US" sz="933" dirty="0">
                <a:cs typeface="Arial"/>
              </a:rPr>
              <a:t>GNN architecture provides a native way of modelling cellular network interactions. The framework being developed will make the optimizer development process very straight forward and intuitive.</a:t>
            </a:r>
          </a:p>
        </p:txBody>
      </p:sp>
      <p:sp>
        <p:nvSpPr>
          <p:cNvPr id="160" name="TextBox 159">
            <a:extLst>
              <a:ext uri="{FF2B5EF4-FFF2-40B4-BE49-F238E27FC236}">
                <a16:creationId xmlns:a16="http://schemas.microsoft.com/office/drawing/2014/main" id="{0DFBEA14-CF4B-2535-C149-F24DCC354B6E}"/>
              </a:ext>
            </a:extLst>
          </p:cNvPr>
          <p:cNvSpPr txBox="1"/>
          <p:nvPr/>
        </p:nvSpPr>
        <p:spPr>
          <a:xfrm>
            <a:off x="7382768" y="5559594"/>
            <a:ext cx="4606568" cy="70269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just">
              <a:spcBef>
                <a:spcPts val="272"/>
              </a:spcBef>
            </a:pPr>
            <a:r>
              <a:rPr lang="en-US" sz="1067" b="1" spc="-13" dirty="0">
                <a:cs typeface="Arial"/>
              </a:rPr>
              <a:t>Digital Twin</a:t>
            </a:r>
            <a:endParaRPr lang="en-US" sz="1067" dirty="0">
              <a:cs typeface="Arial"/>
            </a:endParaRPr>
          </a:p>
          <a:p>
            <a:pPr marR="6773" algn="just">
              <a:lnSpc>
                <a:spcPct val="104600"/>
              </a:lnSpc>
              <a:spcBef>
                <a:spcPts val="13"/>
              </a:spcBef>
            </a:pPr>
            <a:r>
              <a:rPr lang="en-US" sz="933" dirty="0">
                <a:cs typeface="Arial"/>
              </a:rPr>
              <a:t>GNN optimizer modelling enable the finding of the optimal configuration without the need of interacting with the live network by emulating radio network performance functionality from real network data</a:t>
            </a:r>
          </a:p>
        </p:txBody>
      </p:sp>
      <p:sp>
        <p:nvSpPr>
          <p:cNvPr id="161" name="Rectangle 160">
            <a:extLst>
              <a:ext uri="{FF2B5EF4-FFF2-40B4-BE49-F238E27FC236}">
                <a16:creationId xmlns:a16="http://schemas.microsoft.com/office/drawing/2014/main" id="{CE1CAB05-883D-DD81-176C-F5450D0DBC3B}"/>
              </a:ext>
            </a:extLst>
          </p:cNvPr>
          <p:cNvSpPr/>
          <p:nvPr/>
        </p:nvSpPr>
        <p:spPr>
          <a:xfrm>
            <a:off x="6423264" y="719014"/>
            <a:ext cx="3845907" cy="74898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467" b="1" dirty="0">
                <a:solidFill>
                  <a:srgbClr val="181818"/>
                </a:solidFill>
              </a:rPr>
              <a:t>Encode Network Data</a:t>
            </a:r>
          </a:p>
          <a:p>
            <a:pPr algn="ctr"/>
            <a:r>
              <a:rPr lang="en-US" sz="1400" kern="1000" spc="-40" dirty="0">
                <a:solidFill>
                  <a:srgbClr val="181818"/>
                </a:solidFill>
              </a:rPr>
              <a:t>Generic parameter framework to emulate effect on network performance indicator</a:t>
            </a:r>
            <a:endParaRPr lang="en-US" sz="1400" dirty="0"/>
          </a:p>
        </p:txBody>
      </p:sp>
    </p:spTree>
    <p:extLst>
      <p:ext uri="{BB962C8B-B14F-4D97-AF65-F5344CB8AC3E}">
        <p14:creationId xmlns:p14="http://schemas.microsoft.com/office/powerpoint/2010/main" val="247258089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F35CA64-8528-FEDC-0C08-806D48013CD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ho we are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01282F78-7DFA-51D1-5325-4D306720E6BE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b="26870"/>
          <a:stretch/>
        </p:blipFill>
        <p:spPr>
          <a:xfrm>
            <a:off x="536141" y="1557338"/>
            <a:ext cx="11119718" cy="4012422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69BFE6A7-8C67-ABEB-9A4F-D4DA5352C184}"/>
              </a:ext>
            </a:extLst>
          </p:cNvPr>
          <p:cNvSpPr txBox="1"/>
          <p:nvPr/>
        </p:nvSpPr>
        <p:spPr>
          <a:xfrm>
            <a:off x="479424" y="6261652"/>
            <a:ext cx="5901497" cy="258418"/>
          </a:xfrm>
          <a:prstGeom prst="rect">
            <a:avLst/>
          </a:prstGeom>
        </p:spPr>
        <p:txBody>
          <a:bodyPr vert="horz" wrap="square" lIns="72000" tIns="36000" rIns="72000" bIns="36000" rtlCol="0" anchor="t">
            <a:noAutofit/>
          </a:bodyPr>
          <a:lstStyle/>
          <a:p>
            <a:pPr marR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kumimoji="0" lang="en-US" sz="1400" b="0" i="0" u="none" strike="noStrike" kern="1000" cap="none" spc="-3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https://ericsson.github.io/cognitive-labs/</a:t>
            </a:r>
          </a:p>
        </p:txBody>
      </p:sp>
    </p:spTree>
    <p:extLst>
      <p:ext uri="{BB962C8B-B14F-4D97-AF65-F5344CB8AC3E}">
        <p14:creationId xmlns:p14="http://schemas.microsoft.com/office/powerpoint/2010/main" val="2055846759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05" name="Group 104">
            <a:extLst>
              <a:ext uri="{FF2B5EF4-FFF2-40B4-BE49-F238E27FC236}">
                <a16:creationId xmlns:a16="http://schemas.microsoft.com/office/drawing/2014/main" id="{8D9CE653-1957-B3B7-EA86-0D4BFE10EE7A}"/>
              </a:ext>
            </a:extLst>
          </p:cNvPr>
          <p:cNvGrpSpPr/>
          <p:nvPr/>
        </p:nvGrpSpPr>
        <p:grpSpPr>
          <a:xfrm>
            <a:off x="4087117" y="1182470"/>
            <a:ext cx="4130361" cy="2637459"/>
            <a:chOff x="4085636" y="1037934"/>
            <a:chExt cx="4130361" cy="2637459"/>
          </a:xfrm>
        </p:grpSpPr>
        <p:sp>
          <p:nvSpPr>
            <p:cNvPr id="106" name="Circular Arrow 87">
              <a:extLst>
                <a:ext uri="{FF2B5EF4-FFF2-40B4-BE49-F238E27FC236}">
                  <a16:creationId xmlns:a16="http://schemas.microsoft.com/office/drawing/2014/main" id="{DD09C8C4-90D8-DAC1-1F02-62561D32D6B3}"/>
                </a:ext>
              </a:extLst>
            </p:cNvPr>
            <p:cNvSpPr/>
            <p:nvPr/>
          </p:nvSpPr>
          <p:spPr bwMode="auto">
            <a:xfrm>
              <a:off x="4085636" y="1037934"/>
              <a:ext cx="4130361" cy="2637459"/>
            </a:xfrm>
            <a:prstGeom prst="circularArrow">
              <a:avLst>
                <a:gd name="adj1" fmla="val 2816"/>
                <a:gd name="adj2" fmla="val 414296"/>
                <a:gd name="adj3" fmla="val 20387015"/>
                <a:gd name="adj4" fmla="val 11914307"/>
                <a:gd name="adj5" fmla="val 7129"/>
              </a:avLst>
            </a:prstGeom>
            <a:solidFill>
              <a:schemeClr val="accent5"/>
            </a:solidFill>
            <a:ln w="1270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79" indent="-357179" defTabSz="914377" fontAlgn="base">
                <a:spcBef>
                  <a:spcPts val="300"/>
                </a:spcBef>
                <a:spcAft>
                  <a:spcPct val="0"/>
                </a:spcAft>
                <a:buFont typeface="Ericsson Hilda" panose="00000500000000000000" pitchFamily="2" charset="0"/>
                <a:buChar char="—"/>
                <a:defRPr/>
              </a:pPr>
              <a:endParaRPr lang="en-US" sz="2000" dirty="0">
                <a:solidFill>
                  <a:srgbClr val="FFFFFF"/>
                </a:solidFill>
                <a:latin typeface="Ericsson Hilda Light" panose="00000400000000000000" pitchFamily="2" charset="0"/>
              </a:endParaRPr>
            </a:p>
          </p:txBody>
        </p:sp>
        <p:sp>
          <p:nvSpPr>
            <p:cNvPr id="107" name="TextBox 106">
              <a:extLst>
                <a:ext uri="{FF2B5EF4-FFF2-40B4-BE49-F238E27FC236}">
                  <a16:creationId xmlns:a16="http://schemas.microsoft.com/office/drawing/2014/main" id="{69FB8E97-B92A-AFF0-7765-9C330092A2CA}"/>
                </a:ext>
              </a:extLst>
            </p:cNvPr>
            <p:cNvSpPr txBox="1"/>
            <p:nvPr/>
          </p:nvSpPr>
          <p:spPr bwMode="auto">
            <a:xfrm>
              <a:off x="5073468" y="1420616"/>
              <a:ext cx="2229578" cy="542126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72000" tIns="36000" rIns="73152" bIns="36576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defTabSz="914377">
                <a:buClr>
                  <a:srgbClr val="70AD47"/>
                </a:buClr>
                <a:defRPr/>
              </a:pPr>
              <a:r>
                <a:rPr lang="en-US" sz="1400" dirty="0">
                  <a:latin typeface="Ericsson Hilda Light" panose="00000400000000000000" pitchFamily="2" charset="0"/>
                </a:rPr>
                <a:t>1.    Predict SINR with</a:t>
              </a:r>
            </a:p>
            <a:p>
              <a:pPr indent="346066" defTabSz="914377">
                <a:buClr>
                  <a:srgbClr val="181818"/>
                </a:buClr>
                <a:defRPr/>
              </a:pPr>
              <a:r>
                <a:rPr lang="en-US" sz="1400" dirty="0">
                  <a:latin typeface="Ericsson Hilda Light" panose="00000400000000000000" pitchFamily="2" charset="0"/>
                </a:rPr>
                <a:t>current parameters</a:t>
              </a:r>
            </a:p>
          </p:txBody>
        </p:sp>
      </p:grpSp>
      <p:sp>
        <p:nvSpPr>
          <p:cNvPr id="108" name="TextBox 107">
            <a:extLst>
              <a:ext uri="{FF2B5EF4-FFF2-40B4-BE49-F238E27FC236}">
                <a16:creationId xmlns:a16="http://schemas.microsoft.com/office/drawing/2014/main" id="{9E5226B6-73E8-0F37-CF87-647F0A5E8BD8}"/>
              </a:ext>
            </a:extLst>
          </p:cNvPr>
          <p:cNvSpPr txBox="1"/>
          <p:nvPr/>
        </p:nvSpPr>
        <p:spPr bwMode="auto">
          <a:xfrm>
            <a:off x="5078581" y="5868898"/>
            <a:ext cx="3047060" cy="582339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  <p:txBody>
          <a:bodyPr vert="horz" wrap="square" lIns="72000" tIns="36000" rIns="73152" bIns="36576" numCol="1" rtlCol="0" anchor="t" anchorCtr="0" compatLnSpc="1">
            <a:prstTxWarp prst="textNoShape">
              <a:avLst/>
            </a:prstTxWarp>
            <a:noAutofit/>
          </a:bodyPr>
          <a:lstStyle>
            <a:defPPr>
              <a:defRPr lang="pt-BR"/>
            </a:defPPr>
            <a:lvl1pPr marL="342900" marR="0" lvl="0" indent="-34290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82F0"/>
              </a:buClr>
              <a:buSzTx/>
              <a:buFont typeface="+mj-lt"/>
              <a:buAutoNum type="arabicPeriod"/>
              <a:tabLst/>
              <a:defRPr kumimoji="0" sz="1600" b="0" i="0" u="none" strike="noStrike" kern="0" cap="none" spc="0" normalizeH="0" baseline="0">
                <a:ln>
                  <a:noFill/>
                </a:ln>
                <a:solidFill>
                  <a:srgbClr val="0082F0"/>
                </a:solidFill>
                <a:effectLst/>
                <a:uLnTx/>
                <a:uFillTx/>
              </a:defRPr>
            </a:lvl1pPr>
          </a:lstStyle>
          <a:p>
            <a:pPr marL="0" indent="0">
              <a:buClr>
                <a:srgbClr val="70AD47">
                  <a:lumMod val="75000"/>
                </a:srgbClr>
              </a:buClr>
              <a:buNone/>
              <a:defRPr/>
            </a:pPr>
            <a:r>
              <a:rPr lang="en-US" sz="1400" dirty="0">
                <a:solidFill>
                  <a:prstClr val="black"/>
                </a:solidFill>
                <a:latin typeface="Ericsson Hilda Light" panose="00000400000000000000" pitchFamily="2" charset="0"/>
              </a:rPr>
              <a:t>2.    </a:t>
            </a:r>
            <a:r>
              <a:rPr lang="en-US" sz="1400" dirty="0">
                <a:solidFill>
                  <a:sysClr val="windowText" lastClr="000000"/>
                </a:solidFill>
                <a:latin typeface="Ericsson Hilda Light" panose="00000400000000000000" pitchFamily="2" charset="0"/>
              </a:rPr>
              <a:t>Alter power parameters until </a:t>
            </a:r>
            <a:endParaRPr lang="en-US" sz="1400" dirty="0">
              <a:solidFill>
                <a:prstClr val="black"/>
              </a:solidFill>
              <a:latin typeface="Ericsson Hilda Light" panose="00000400000000000000" pitchFamily="2" charset="0"/>
            </a:endParaRPr>
          </a:p>
          <a:p>
            <a:pPr marL="0" indent="346066">
              <a:buClr>
                <a:srgbClr val="181818"/>
              </a:buClr>
              <a:buNone/>
              <a:defRPr/>
            </a:pPr>
            <a:r>
              <a:rPr lang="en-US" sz="1400" dirty="0">
                <a:solidFill>
                  <a:prstClr val="black"/>
                </a:solidFill>
                <a:latin typeface="Ericsson Hilda Light" panose="00000400000000000000" pitchFamily="2" charset="0"/>
              </a:rPr>
              <a:t>predicted SINR is maximized</a:t>
            </a:r>
          </a:p>
          <a:p>
            <a:pPr marL="0" indent="0" defTabSz="914377">
              <a:buClr>
                <a:srgbClr val="0062B4"/>
              </a:buClr>
              <a:buNone/>
              <a:defRPr/>
            </a:pPr>
            <a:endParaRPr lang="en-US" dirty="0">
              <a:solidFill>
                <a:sysClr val="windowText" lastClr="000000"/>
              </a:solidFill>
              <a:latin typeface="Ericsson Hilda Light" panose="00000400000000000000" pitchFamily="2" charset="0"/>
            </a:endParaRPr>
          </a:p>
        </p:txBody>
      </p:sp>
      <p:grpSp>
        <p:nvGrpSpPr>
          <p:cNvPr id="109" name="Group 108">
            <a:extLst>
              <a:ext uri="{FF2B5EF4-FFF2-40B4-BE49-F238E27FC236}">
                <a16:creationId xmlns:a16="http://schemas.microsoft.com/office/drawing/2014/main" id="{A2A697B5-4915-801B-065B-5D71970E4ACD}"/>
              </a:ext>
            </a:extLst>
          </p:cNvPr>
          <p:cNvGrpSpPr/>
          <p:nvPr/>
        </p:nvGrpSpPr>
        <p:grpSpPr>
          <a:xfrm>
            <a:off x="797318" y="2882378"/>
            <a:ext cx="3144876" cy="3190660"/>
            <a:chOff x="969302" y="2737842"/>
            <a:chExt cx="3144876" cy="3190660"/>
          </a:xfrm>
        </p:grpSpPr>
        <p:sp>
          <p:nvSpPr>
            <p:cNvPr id="110" name="TextBox 109">
              <a:extLst>
                <a:ext uri="{FF2B5EF4-FFF2-40B4-BE49-F238E27FC236}">
                  <a16:creationId xmlns:a16="http://schemas.microsoft.com/office/drawing/2014/main" id="{5E59CA10-6908-33AE-BCCF-64FC5F090E32}"/>
                </a:ext>
              </a:extLst>
            </p:cNvPr>
            <p:cNvSpPr txBox="1"/>
            <p:nvPr/>
          </p:nvSpPr>
          <p:spPr bwMode="auto">
            <a:xfrm>
              <a:off x="1122458" y="2737842"/>
              <a:ext cx="828064" cy="318255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72000" tIns="36000" rIns="73152" bIns="36576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defTabSz="914377">
                <a:buClr>
                  <a:srgbClr val="181818"/>
                </a:buClr>
                <a:defRPr/>
              </a:pPr>
              <a:r>
                <a:rPr lang="en-US" sz="1400">
                  <a:solidFill>
                    <a:srgbClr val="0082F0"/>
                  </a:solidFill>
                  <a:latin typeface="Ericsson Hilda Light" panose="00000400000000000000" pitchFamily="2" charset="0"/>
                </a:rPr>
                <a:t>[-92, 9]</a:t>
              </a:r>
            </a:p>
          </p:txBody>
        </p:sp>
        <p:sp>
          <p:nvSpPr>
            <p:cNvPr id="111" name="Right Arrow 6">
              <a:extLst>
                <a:ext uri="{FF2B5EF4-FFF2-40B4-BE49-F238E27FC236}">
                  <a16:creationId xmlns:a16="http://schemas.microsoft.com/office/drawing/2014/main" id="{84852F92-A1B7-18F8-C4D1-04A6A8F2885F}"/>
                </a:ext>
              </a:extLst>
            </p:cNvPr>
            <p:cNvSpPr/>
            <p:nvPr/>
          </p:nvSpPr>
          <p:spPr bwMode="auto">
            <a:xfrm>
              <a:off x="969302" y="2815117"/>
              <a:ext cx="201749" cy="131665"/>
            </a:xfrm>
            <a:prstGeom prst="rightArrow">
              <a:avLst/>
            </a:prstGeom>
            <a:solidFill>
              <a:srgbClr val="0082F0"/>
            </a:solidFill>
            <a:ln w="1270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79" indent="-357179" defTabSz="914377" fontAlgn="base">
                <a:spcBef>
                  <a:spcPts val="300"/>
                </a:spcBef>
                <a:spcAft>
                  <a:spcPct val="0"/>
                </a:spcAft>
                <a:buFont typeface="Ericsson Hilda" panose="00000500000000000000" pitchFamily="2" charset="0"/>
                <a:buChar char="—"/>
                <a:defRPr/>
              </a:pPr>
              <a:endParaRPr lang="en-US" sz="2000" err="1">
                <a:solidFill>
                  <a:srgbClr val="FFFFFF"/>
                </a:solidFill>
                <a:latin typeface="Ericsson Hilda Light" panose="00000400000000000000" pitchFamily="2" charset="0"/>
              </a:endParaRPr>
            </a:p>
          </p:txBody>
        </p:sp>
        <p:sp>
          <p:nvSpPr>
            <p:cNvPr id="112" name="TextBox 111">
              <a:extLst>
                <a:ext uri="{FF2B5EF4-FFF2-40B4-BE49-F238E27FC236}">
                  <a16:creationId xmlns:a16="http://schemas.microsoft.com/office/drawing/2014/main" id="{3F977C77-16F6-EC5C-156A-A1B0C40EED1F}"/>
                </a:ext>
              </a:extLst>
            </p:cNvPr>
            <p:cNvSpPr txBox="1"/>
            <p:nvPr/>
          </p:nvSpPr>
          <p:spPr bwMode="auto">
            <a:xfrm>
              <a:off x="3334871" y="5659907"/>
              <a:ext cx="779307" cy="268595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72000" tIns="36000" rIns="73152" bIns="36576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defTabSz="914377">
                <a:buClr>
                  <a:srgbClr val="181818"/>
                </a:buClr>
                <a:defRPr/>
              </a:pPr>
              <a:r>
                <a:rPr lang="en-US" sz="1400">
                  <a:solidFill>
                    <a:srgbClr val="0082F0"/>
                  </a:solidFill>
                  <a:latin typeface="Ericsson Hilda Light" panose="00000400000000000000" pitchFamily="2" charset="0"/>
                </a:rPr>
                <a:t>[-88, 9]</a:t>
              </a:r>
            </a:p>
          </p:txBody>
        </p:sp>
        <p:sp>
          <p:nvSpPr>
            <p:cNvPr id="113" name="Right Arrow 6">
              <a:extLst>
                <a:ext uri="{FF2B5EF4-FFF2-40B4-BE49-F238E27FC236}">
                  <a16:creationId xmlns:a16="http://schemas.microsoft.com/office/drawing/2014/main" id="{3CCEED6A-326C-9000-5A3E-78B32493C755}"/>
                </a:ext>
              </a:extLst>
            </p:cNvPr>
            <p:cNvSpPr/>
            <p:nvPr/>
          </p:nvSpPr>
          <p:spPr bwMode="auto">
            <a:xfrm rot="5400000">
              <a:off x="3619245" y="5504872"/>
              <a:ext cx="201749" cy="131665"/>
            </a:xfrm>
            <a:prstGeom prst="rightArrow">
              <a:avLst/>
            </a:prstGeom>
            <a:solidFill>
              <a:srgbClr val="0082F0"/>
            </a:solidFill>
            <a:ln w="1270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79" indent="-357179" defTabSz="914377" fontAlgn="base">
                <a:spcBef>
                  <a:spcPts val="300"/>
                </a:spcBef>
                <a:spcAft>
                  <a:spcPct val="0"/>
                </a:spcAft>
                <a:buFont typeface="Ericsson Hilda" panose="00000500000000000000" pitchFamily="2" charset="0"/>
                <a:buChar char="—"/>
                <a:defRPr/>
              </a:pPr>
              <a:endParaRPr lang="en-US" sz="2000" err="1">
                <a:solidFill>
                  <a:srgbClr val="FFFFFF"/>
                </a:solidFill>
                <a:latin typeface="Ericsson Hilda Light" panose="00000400000000000000" pitchFamily="2" charset="0"/>
              </a:endParaRPr>
            </a:p>
          </p:txBody>
        </p:sp>
      </p:grpSp>
      <p:grpSp>
        <p:nvGrpSpPr>
          <p:cNvPr id="114" name="Group 113">
            <a:extLst>
              <a:ext uri="{FF2B5EF4-FFF2-40B4-BE49-F238E27FC236}">
                <a16:creationId xmlns:a16="http://schemas.microsoft.com/office/drawing/2014/main" id="{5B5C8BA1-93E5-31F8-B2D4-E7130FEDA6F8}"/>
              </a:ext>
            </a:extLst>
          </p:cNvPr>
          <p:cNvGrpSpPr/>
          <p:nvPr/>
        </p:nvGrpSpPr>
        <p:grpSpPr>
          <a:xfrm>
            <a:off x="7970130" y="2583665"/>
            <a:ext cx="4098359" cy="3429331"/>
            <a:chOff x="7762507" y="2419623"/>
            <a:chExt cx="4098359" cy="3429330"/>
          </a:xfrm>
        </p:grpSpPr>
        <p:sp>
          <p:nvSpPr>
            <p:cNvPr id="115" name="Right Arrow 6">
              <a:extLst>
                <a:ext uri="{FF2B5EF4-FFF2-40B4-BE49-F238E27FC236}">
                  <a16:creationId xmlns:a16="http://schemas.microsoft.com/office/drawing/2014/main" id="{70C9F6D5-DE8B-D887-4D71-114FFC45B5BE}"/>
                </a:ext>
              </a:extLst>
            </p:cNvPr>
            <p:cNvSpPr/>
            <p:nvPr/>
          </p:nvSpPr>
          <p:spPr bwMode="auto">
            <a:xfrm rot="16200000">
              <a:off x="7846712" y="2695977"/>
              <a:ext cx="201749" cy="131665"/>
            </a:xfrm>
            <a:prstGeom prst="rightArrow">
              <a:avLst/>
            </a:prstGeom>
            <a:solidFill>
              <a:schemeClr val="accent6">
                <a:lumMod val="75000"/>
              </a:schemeClr>
            </a:solidFill>
            <a:ln w="1270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79" indent="-357179" defTabSz="914377" fontAlgn="base">
                <a:spcBef>
                  <a:spcPts val="300"/>
                </a:spcBef>
                <a:spcAft>
                  <a:spcPct val="0"/>
                </a:spcAft>
                <a:buFont typeface="Ericsson Hilda" panose="00000500000000000000" pitchFamily="2" charset="0"/>
                <a:buChar char="—"/>
                <a:defRPr/>
              </a:pPr>
              <a:endParaRPr lang="en-US" sz="2000" err="1">
                <a:solidFill>
                  <a:srgbClr val="FFFFFF"/>
                </a:solidFill>
                <a:latin typeface="Ericsson Hilda Light" panose="00000400000000000000" pitchFamily="2" charset="0"/>
              </a:endParaRPr>
            </a:p>
          </p:txBody>
        </p:sp>
        <p:sp>
          <p:nvSpPr>
            <p:cNvPr id="116" name="TextBox 115">
              <a:extLst>
                <a:ext uri="{FF2B5EF4-FFF2-40B4-BE49-F238E27FC236}">
                  <a16:creationId xmlns:a16="http://schemas.microsoft.com/office/drawing/2014/main" id="{A1308D7B-042B-3783-2871-6C8C60B10126}"/>
                </a:ext>
              </a:extLst>
            </p:cNvPr>
            <p:cNvSpPr txBox="1"/>
            <p:nvPr/>
          </p:nvSpPr>
          <p:spPr bwMode="auto">
            <a:xfrm>
              <a:off x="7762507" y="2419623"/>
              <a:ext cx="358021" cy="252003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72000" tIns="36000" rIns="73152" bIns="36576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defTabSz="914377">
                <a:buClr>
                  <a:srgbClr val="181818"/>
                </a:buClr>
                <a:defRPr/>
              </a:pPr>
              <a:r>
                <a:rPr lang="en-US" sz="1400">
                  <a:solidFill>
                    <a:srgbClr val="FF8C0A"/>
                  </a:solidFill>
                  <a:latin typeface="Ericsson Hilda Light" panose="00000400000000000000" pitchFamily="2" charset="0"/>
                </a:rPr>
                <a:t>13</a:t>
              </a:r>
            </a:p>
          </p:txBody>
        </p:sp>
        <p:sp>
          <p:nvSpPr>
            <p:cNvPr id="117" name="Right Arrow 6">
              <a:extLst>
                <a:ext uri="{FF2B5EF4-FFF2-40B4-BE49-F238E27FC236}">
                  <a16:creationId xmlns:a16="http://schemas.microsoft.com/office/drawing/2014/main" id="{4426C33B-A272-58A7-A351-4F48C8DF9BC9}"/>
                </a:ext>
              </a:extLst>
            </p:cNvPr>
            <p:cNvSpPr/>
            <p:nvPr/>
          </p:nvSpPr>
          <p:spPr bwMode="auto">
            <a:xfrm rot="5400000">
              <a:off x="10803096" y="5430243"/>
              <a:ext cx="201749" cy="131665"/>
            </a:xfrm>
            <a:prstGeom prst="rightArrow">
              <a:avLst/>
            </a:prstGeom>
            <a:solidFill>
              <a:schemeClr val="accent6">
                <a:lumMod val="75000"/>
              </a:schemeClr>
            </a:solidFill>
            <a:ln w="1270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79" indent="-357179" defTabSz="914377" fontAlgn="base">
                <a:spcBef>
                  <a:spcPts val="300"/>
                </a:spcBef>
                <a:spcAft>
                  <a:spcPct val="0"/>
                </a:spcAft>
                <a:buFont typeface="Ericsson Hilda" panose="00000500000000000000" pitchFamily="2" charset="0"/>
                <a:buChar char="—"/>
                <a:defRPr/>
              </a:pPr>
              <a:endParaRPr lang="en-US" sz="2000" err="1">
                <a:solidFill>
                  <a:srgbClr val="FFFFFF"/>
                </a:solidFill>
                <a:latin typeface="Ericsson Hilda Light" panose="00000400000000000000" pitchFamily="2" charset="0"/>
              </a:endParaRPr>
            </a:p>
          </p:txBody>
        </p:sp>
        <p:sp>
          <p:nvSpPr>
            <p:cNvPr id="118" name="TextBox 117">
              <a:extLst>
                <a:ext uri="{FF2B5EF4-FFF2-40B4-BE49-F238E27FC236}">
                  <a16:creationId xmlns:a16="http://schemas.microsoft.com/office/drawing/2014/main" id="{7A425C9E-1B23-C9B3-DD7A-4F18A22AC6F5}"/>
                </a:ext>
              </a:extLst>
            </p:cNvPr>
            <p:cNvSpPr txBox="1"/>
            <p:nvPr/>
          </p:nvSpPr>
          <p:spPr bwMode="auto">
            <a:xfrm>
              <a:off x="10724959" y="5596950"/>
              <a:ext cx="358021" cy="252003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72000" tIns="36000" rIns="73152" bIns="36576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defTabSz="914377">
                <a:buClr>
                  <a:srgbClr val="181818"/>
                </a:buClr>
                <a:defRPr/>
              </a:pPr>
              <a:r>
                <a:rPr lang="en-US" sz="1400">
                  <a:solidFill>
                    <a:srgbClr val="FF8C0A"/>
                  </a:solidFill>
                  <a:latin typeface="Ericsson Hilda Light" panose="00000400000000000000" pitchFamily="2" charset="0"/>
                </a:rPr>
                <a:t>14</a:t>
              </a:r>
            </a:p>
          </p:txBody>
        </p:sp>
        <p:sp>
          <p:nvSpPr>
            <p:cNvPr id="119" name="Right Arrow 6">
              <a:extLst>
                <a:ext uri="{FF2B5EF4-FFF2-40B4-BE49-F238E27FC236}">
                  <a16:creationId xmlns:a16="http://schemas.microsoft.com/office/drawing/2014/main" id="{49D5524F-EB03-D0B0-DDD0-F492E73FC891}"/>
                </a:ext>
              </a:extLst>
            </p:cNvPr>
            <p:cNvSpPr/>
            <p:nvPr/>
          </p:nvSpPr>
          <p:spPr bwMode="auto">
            <a:xfrm rot="5400000">
              <a:off x="8855077" y="5241197"/>
              <a:ext cx="201749" cy="131665"/>
            </a:xfrm>
            <a:prstGeom prst="rightArrow">
              <a:avLst/>
            </a:prstGeom>
            <a:solidFill>
              <a:schemeClr val="accent6">
                <a:lumMod val="75000"/>
              </a:schemeClr>
            </a:solidFill>
            <a:ln w="1270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79" indent="-357179" defTabSz="914377" fontAlgn="base">
                <a:spcBef>
                  <a:spcPts val="300"/>
                </a:spcBef>
                <a:spcAft>
                  <a:spcPct val="0"/>
                </a:spcAft>
                <a:buFont typeface="Ericsson Hilda" panose="00000500000000000000" pitchFamily="2" charset="0"/>
                <a:buChar char="—"/>
                <a:defRPr/>
              </a:pPr>
              <a:endParaRPr lang="en-US" sz="2000" err="1">
                <a:solidFill>
                  <a:srgbClr val="FFFFFF"/>
                </a:solidFill>
                <a:latin typeface="Ericsson Hilda Light" panose="00000400000000000000" pitchFamily="2" charset="0"/>
              </a:endParaRPr>
            </a:p>
          </p:txBody>
        </p:sp>
        <p:sp>
          <p:nvSpPr>
            <p:cNvPr id="120" name="TextBox 119">
              <a:extLst>
                <a:ext uri="{FF2B5EF4-FFF2-40B4-BE49-F238E27FC236}">
                  <a16:creationId xmlns:a16="http://schemas.microsoft.com/office/drawing/2014/main" id="{F07D8D47-F02D-803F-5D6E-402C7D3F49CD}"/>
                </a:ext>
              </a:extLst>
            </p:cNvPr>
            <p:cNvSpPr txBox="1"/>
            <p:nvPr/>
          </p:nvSpPr>
          <p:spPr bwMode="auto">
            <a:xfrm>
              <a:off x="8776940" y="5407904"/>
              <a:ext cx="358021" cy="252003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72000" tIns="36000" rIns="73152" bIns="36576" numCol="1" rtlCol="0" anchor="t" anchorCtr="0" compatLnSpc="1">
              <a:prstTxWarp prst="textNoShape">
                <a:avLst/>
              </a:prstTxWarp>
              <a:noAutofit/>
            </a:bodyPr>
            <a:lstStyle>
              <a:defPPr>
                <a:defRPr lang="pt-BR"/>
              </a:defPPr>
              <a:lvl1pPr marR="0" lvl="0" indent="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181818"/>
                </a:buClr>
                <a:buSzTx/>
                <a:buFontTx/>
                <a:buNone/>
                <a:tabLst/>
                <a:defRPr kumimoji="0" sz="1400" i="0" u="none" strike="noStrike" cap="none" spc="0" normalizeH="0" baseline="0">
                  <a:ln>
                    <a:noFill/>
                  </a:ln>
                  <a:solidFill>
                    <a:srgbClr val="00B050"/>
                  </a:solidFill>
                  <a:effectLst/>
                  <a:uLnTx/>
                  <a:uFillTx/>
                  <a:latin typeface="Ericsson Hilda"/>
                </a:defRPr>
              </a:lvl1pPr>
            </a:lstStyle>
            <a:p>
              <a:pPr defTabSz="914377">
                <a:defRPr/>
              </a:pPr>
              <a:r>
                <a:rPr lang="es-ES">
                  <a:latin typeface="Ericsson Hilda Light" panose="00000400000000000000" pitchFamily="2" charset="0"/>
                </a:rPr>
                <a:t>2</a:t>
              </a:r>
              <a:r>
                <a:rPr lang="en-US">
                  <a:latin typeface="Ericsson Hilda Light" panose="00000400000000000000" pitchFamily="2" charset="0"/>
                </a:rPr>
                <a:t>0</a:t>
              </a:r>
            </a:p>
          </p:txBody>
        </p:sp>
        <p:sp>
          <p:nvSpPr>
            <p:cNvPr id="121" name="Right Arrow 6">
              <a:extLst>
                <a:ext uri="{FF2B5EF4-FFF2-40B4-BE49-F238E27FC236}">
                  <a16:creationId xmlns:a16="http://schemas.microsoft.com/office/drawing/2014/main" id="{2017DA66-4949-B198-143A-7F7B3BE6B1D9}"/>
                </a:ext>
              </a:extLst>
            </p:cNvPr>
            <p:cNvSpPr/>
            <p:nvPr/>
          </p:nvSpPr>
          <p:spPr bwMode="auto">
            <a:xfrm rot="16200000">
              <a:off x="11587050" y="3133538"/>
              <a:ext cx="201749" cy="131665"/>
            </a:xfrm>
            <a:prstGeom prst="rightArrow">
              <a:avLst/>
            </a:prstGeom>
            <a:solidFill>
              <a:schemeClr val="accent6">
                <a:lumMod val="75000"/>
              </a:schemeClr>
            </a:solidFill>
            <a:ln w="1270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79" indent="-357179" defTabSz="914377" fontAlgn="base">
                <a:spcBef>
                  <a:spcPts val="300"/>
                </a:spcBef>
                <a:spcAft>
                  <a:spcPct val="0"/>
                </a:spcAft>
                <a:buFont typeface="Ericsson Hilda" panose="00000500000000000000" pitchFamily="2" charset="0"/>
                <a:buChar char="—"/>
                <a:defRPr/>
              </a:pPr>
              <a:endParaRPr lang="en-US" sz="2000" err="1">
                <a:solidFill>
                  <a:srgbClr val="FFFFFF"/>
                </a:solidFill>
                <a:latin typeface="Ericsson Hilda Light" panose="00000400000000000000" pitchFamily="2" charset="0"/>
              </a:endParaRPr>
            </a:p>
          </p:txBody>
        </p:sp>
        <p:sp>
          <p:nvSpPr>
            <p:cNvPr id="122" name="TextBox 121">
              <a:extLst>
                <a:ext uri="{FF2B5EF4-FFF2-40B4-BE49-F238E27FC236}">
                  <a16:creationId xmlns:a16="http://schemas.microsoft.com/office/drawing/2014/main" id="{F511BBE5-873E-9EEF-1E53-3C7EA87C7442}"/>
                </a:ext>
              </a:extLst>
            </p:cNvPr>
            <p:cNvSpPr txBox="1"/>
            <p:nvPr/>
          </p:nvSpPr>
          <p:spPr bwMode="auto">
            <a:xfrm>
              <a:off x="11502845" y="2863362"/>
              <a:ext cx="358021" cy="252003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72000" tIns="36000" rIns="73152" bIns="36576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defTabSz="914377">
                <a:buClr>
                  <a:srgbClr val="181818"/>
                </a:buClr>
                <a:defRPr/>
              </a:pPr>
              <a:r>
                <a:rPr lang="en-US" sz="1400">
                  <a:solidFill>
                    <a:srgbClr val="00B050"/>
                  </a:solidFill>
                  <a:latin typeface="Ericsson Hilda Light" panose="00000400000000000000" pitchFamily="2" charset="0"/>
                </a:rPr>
                <a:t>16</a:t>
              </a:r>
            </a:p>
          </p:txBody>
        </p:sp>
        <p:sp>
          <p:nvSpPr>
            <p:cNvPr id="123" name="Right Arrow 6">
              <a:extLst>
                <a:ext uri="{FF2B5EF4-FFF2-40B4-BE49-F238E27FC236}">
                  <a16:creationId xmlns:a16="http://schemas.microsoft.com/office/drawing/2014/main" id="{F0613B1B-BA1E-6BCC-09D9-9E1836A249D0}"/>
                </a:ext>
              </a:extLst>
            </p:cNvPr>
            <p:cNvSpPr/>
            <p:nvPr/>
          </p:nvSpPr>
          <p:spPr bwMode="auto">
            <a:xfrm rot="16200000">
              <a:off x="9811672" y="3041862"/>
              <a:ext cx="201749" cy="131665"/>
            </a:xfrm>
            <a:prstGeom prst="rightArrow">
              <a:avLst/>
            </a:prstGeom>
            <a:solidFill>
              <a:schemeClr val="accent6">
                <a:lumMod val="75000"/>
              </a:schemeClr>
            </a:solidFill>
            <a:ln w="1270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79" indent="-357179" defTabSz="914377" fontAlgn="base">
                <a:spcBef>
                  <a:spcPts val="300"/>
                </a:spcBef>
                <a:spcAft>
                  <a:spcPct val="0"/>
                </a:spcAft>
                <a:buFont typeface="Ericsson Hilda" panose="00000500000000000000" pitchFamily="2" charset="0"/>
                <a:buChar char="—"/>
                <a:defRPr/>
              </a:pPr>
              <a:endParaRPr lang="en-US" sz="2000" err="1">
                <a:solidFill>
                  <a:srgbClr val="FFFFFF"/>
                </a:solidFill>
                <a:latin typeface="Ericsson Hilda Light" panose="00000400000000000000" pitchFamily="2" charset="0"/>
              </a:endParaRPr>
            </a:p>
          </p:txBody>
        </p:sp>
        <p:sp>
          <p:nvSpPr>
            <p:cNvPr id="124" name="TextBox 123">
              <a:extLst>
                <a:ext uri="{FF2B5EF4-FFF2-40B4-BE49-F238E27FC236}">
                  <a16:creationId xmlns:a16="http://schemas.microsoft.com/office/drawing/2014/main" id="{09C64BED-785E-FE34-793F-0AEABBDA5FB3}"/>
                </a:ext>
              </a:extLst>
            </p:cNvPr>
            <p:cNvSpPr txBox="1"/>
            <p:nvPr/>
          </p:nvSpPr>
          <p:spPr bwMode="auto">
            <a:xfrm>
              <a:off x="9727467" y="2765508"/>
              <a:ext cx="358021" cy="252003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72000" tIns="36000" rIns="73152" bIns="36576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defTabSz="914377">
                <a:buClr>
                  <a:srgbClr val="181818"/>
                </a:buClr>
                <a:defRPr/>
              </a:pPr>
              <a:r>
                <a:rPr lang="en-US" sz="1400">
                  <a:solidFill>
                    <a:srgbClr val="FF8C0A"/>
                  </a:solidFill>
                  <a:latin typeface="Ericsson Hilda Light" panose="00000400000000000000" pitchFamily="2" charset="0"/>
                </a:rPr>
                <a:t>15</a:t>
              </a:r>
            </a:p>
          </p:txBody>
        </p:sp>
      </p:grpSp>
      <p:sp>
        <p:nvSpPr>
          <p:cNvPr id="125" name="TextBox 124">
            <a:extLst>
              <a:ext uri="{FF2B5EF4-FFF2-40B4-BE49-F238E27FC236}">
                <a16:creationId xmlns:a16="http://schemas.microsoft.com/office/drawing/2014/main" id="{2A39BC79-3CB4-0266-D057-3C996D689327}"/>
              </a:ext>
            </a:extLst>
          </p:cNvPr>
          <p:cNvSpPr txBox="1"/>
          <p:nvPr/>
        </p:nvSpPr>
        <p:spPr bwMode="auto">
          <a:xfrm>
            <a:off x="5074948" y="2115528"/>
            <a:ext cx="2229579" cy="542127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  <p:txBody>
          <a:bodyPr vert="horz" wrap="square" lIns="72000" tIns="36000" rIns="73152" bIns="36576" numCol="1" rtlCol="0" anchor="t" anchorCtr="0" compatLnSpc="1">
            <a:prstTxWarp prst="textNoShape">
              <a:avLst/>
            </a:prstTxWarp>
            <a:noAutofit/>
          </a:bodyPr>
          <a:lstStyle/>
          <a:p>
            <a:pPr defTabSz="914377">
              <a:buClr>
                <a:srgbClr val="70AD47">
                  <a:lumMod val="75000"/>
                </a:srgbClr>
              </a:buClr>
              <a:defRPr/>
            </a:pPr>
            <a:r>
              <a:rPr lang="en-US" sz="1400" dirty="0">
                <a:latin typeface="Ericsson Hilda Light" panose="00000400000000000000" pitchFamily="2" charset="0"/>
              </a:rPr>
              <a:t>2.    Predict SINR with</a:t>
            </a:r>
          </a:p>
          <a:p>
            <a:pPr indent="346066" defTabSz="914377">
              <a:buClr>
                <a:srgbClr val="181818"/>
              </a:buClr>
              <a:defRPr/>
            </a:pPr>
            <a:r>
              <a:rPr lang="en-US" sz="1400" dirty="0">
                <a:latin typeface="Ericsson Hilda Light" panose="00000400000000000000" pitchFamily="2" charset="0"/>
              </a:rPr>
              <a:t>new parameters</a:t>
            </a:r>
          </a:p>
        </p:txBody>
      </p:sp>
      <p:grpSp>
        <p:nvGrpSpPr>
          <p:cNvPr id="126" name="Group 125">
            <a:extLst>
              <a:ext uri="{FF2B5EF4-FFF2-40B4-BE49-F238E27FC236}">
                <a16:creationId xmlns:a16="http://schemas.microsoft.com/office/drawing/2014/main" id="{82E453CD-A8CC-E0C8-FEAB-E56980FC3EF0}"/>
              </a:ext>
            </a:extLst>
          </p:cNvPr>
          <p:cNvGrpSpPr/>
          <p:nvPr/>
        </p:nvGrpSpPr>
        <p:grpSpPr>
          <a:xfrm>
            <a:off x="4253213" y="2959159"/>
            <a:ext cx="4130361" cy="2914860"/>
            <a:chOff x="4251732" y="2814623"/>
            <a:chExt cx="4130361" cy="2914860"/>
          </a:xfrm>
        </p:grpSpPr>
        <p:sp>
          <p:nvSpPr>
            <p:cNvPr id="127" name="Circular Arrow 21">
              <a:extLst>
                <a:ext uri="{FF2B5EF4-FFF2-40B4-BE49-F238E27FC236}">
                  <a16:creationId xmlns:a16="http://schemas.microsoft.com/office/drawing/2014/main" id="{8A505F06-7566-36F8-9E65-28DC1E847FBC}"/>
                </a:ext>
              </a:extLst>
            </p:cNvPr>
            <p:cNvSpPr/>
            <p:nvPr/>
          </p:nvSpPr>
          <p:spPr bwMode="auto">
            <a:xfrm flipH="1" flipV="1">
              <a:off x="4251732" y="2814623"/>
              <a:ext cx="4130361" cy="2637459"/>
            </a:xfrm>
            <a:prstGeom prst="circularArrow">
              <a:avLst>
                <a:gd name="adj1" fmla="val 2816"/>
                <a:gd name="adj2" fmla="val 414296"/>
                <a:gd name="adj3" fmla="val 20387015"/>
                <a:gd name="adj4" fmla="val 11914307"/>
                <a:gd name="adj5" fmla="val 7129"/>
              </a:avLst>
            </a:prstGeom>
            <a:solidFill>
              <a:schemeClr val="bg2">
                <a:lumMod val="75000"/>
              </a:schemeClr>
            </a:solidFill>
            <a:ln w="1270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79" indent="-357179" defTabSz="914377" fontAlgn="base">
                <a:spcBef>
                  <a:spcPts val="300"/>
                </a:spcBef>
                <a:spcAft>
                  <a:spcPct val="0"/>
                </a:spcAft>
                <a:buFont typeface="Ericsson Hilda" panose="00000500000000000000" pitchFamily="2" charset="0"/>
                <a:buChar char="—"/>
                <a:defRPr/>
              </a:pPr>
              <a:endParaRPr lang="en-US" sz="2000" dirty="0">
                <a:solidFill>
                  <a:srgbClr val="FFFFFF"/>
                </a:solidFill>
                <a:latin typeface="Ericsson Hilda Light" panose="00000400000000000000" pitchFamily="2" charset="0"/>
              </a:endParaRPr>
            </a:p>
          </p:txBody>
        </p:sp>
        <p:sp>
          <p:nvSpPr>
            <p:cNvPr id="128" name="TextBox 127">
              <a:extLst>
                <a:ext uri="{FF2B5EF4-FFF2-40B4-BE49-F238E27FC236}">
                  <a16:creationId xmlns:a16="http://schemas.microsoft.com/office/drawing/2014/main" id="{5FB138CE-84E7-930E-DA9B-E155A217A323}"/>
                </a:ext>
              </a:extLst>
            </p:cNvPr>
            <p:cNvSpPr txBox="1"/>
            <p:nvPr/>
          </p:nvSpPr>
          <p:spPr bwMode="auto">
            <a:xfrm>
              <a:off x="5073468" y="5417168"/>
              <a:ext cx="2613447" cy="312315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72000" tIns="36000" rIns="73152" bIns="36576" numCol="1" rtlCol="0" anchor="t" anchorCtr="0" compatLnSpc="1">
              <a:prstTxWarp prst="textNoShape">
                <a:avLst/>
              </a:prstTxWarp>
              <a:noAutofit/>
            </a:bodyPr>
            <a:lstStyle>
              <a:defPPr>
                <a:defRPr lang="pt-BR"/>
              </a:defPPr>
              <a:lvl1pPr marL="342900" marR="0" lvl="0" indent="-3429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82F0"/>
                </a:buClr>
                <a:buSzTx/>
                <a:buFont typeface="+mj-lt"/>
                <a:buAutoNum type="arabicPeriod"/>
                <a:tabLst/>
                <a:defRPr kumimoji="0" sz="1600" b="0" i="0" u="none" strike="noStrike" kern="0" cap="none" spc="0" normalizeH="0" baseline="0">
                  <a:ln>
                    <a:noFill/>
                  </a:ln>
                  <a:solidFill>
                    <a:srgbClr val="0082F0"/>
                  </a:solidFill>
                  <a:effectLst/>
                  <a:uLnTx/>
                  <a:uFillTx/>
                </a:defRPr>
              </a:lvl1pPr>
            </a:lstStyle>
            <a:p>
              <a:pPr marL="0" indent="0" defTabSz="914377">
                <a:buNone/>
                <a:defRPr/>
              </a:pPr>
              <a:r>
                <a:rPr lang="en-US" sz="1400" dirty="0">
                  <a:solidFill>
                    <a:schemeClr val="tx1"/>
                  </a:solidFill>
                  <a:latin typeface="Ericsson Hilda Light" panose="00000400000000000000" pitchFamily="2" charset="0"/>
                </a:rPr>
                <a:t>1.    Alter power parameters</a:t>
              </a:r>
            </a:p>
          </p:txBody>
        </p:sp>
      </p:grpSp>
      <p:grpSp>
        <p:nvGrpSpPr>
          <p:cNvPr id="129" name="Group 128">
            <a:extLst>
              <a:ext uri="{FF2B5EF4-FFF2-40B4-BE49-F238E27FC236}">
                <a16:creationId xmlns:a16="http://schemas.microsoft.com/office/drawing/2014/main" id="{1F02E7E1-7CC0-EFBA-4117-FE4E8BC9F732}"/>
              </a:ext>
            </a:extLst>
          </p:cNvPr>
          <p:cNvGrpSpPr/>
          <p:nvPr/>
        </p:nvGrpSpPr>
        <p:grpSpPr>
          <a:xfrm>
            <a:off x="0" y="1102855"/>
            <a:ext cx="4778401" cy="4500500"/>
            <a:chOff x="182184" y="967284"/>
            <a:chExt cx="4778401" cy="4500500"/>
          </a:xfrm>
        </p:grpSpPr>
        <p:sp>
          <p:nvSpPr>
            <p:cNvPr id="130" name="TextBox 129">
              <a:extLst>
                <a:ext uri="{FF2B5EF4-FFF2-40B4-BE49-F238E27FC236}">
                  <a16:creationId xmlns:a16="http://schemas.microsoft.com/office/drawing/2014/main" id="{BBB50851-DBCA-8EC0-D8EC-849C437F210B}"/>
                </a:ext>
              </a:extLst>
            </p:cNvPr>
            <p:cNvSpPr txBox="1"/>
            <p:nvPr/>
          </p:nvSpPr>
          <p:spPr bwMode="auto">
            <a:xfrm>
              <a:off x="1440322" y="967284"/>
              <a:ext cx="2184988" cy="392578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72000" tIns="36000" rIns="73152" bIns="36576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defTabSz="914377">
                <a:buClr>
                  <a:srgbClr val="181818"/>
                </a:buClr>
                <a:defRPr/>
              </a:pPr>
              <a:r>
                <a:rPr lang="en-US" sz="2000" dirty="0">
                  <a:solidFill>
                    <a:srgbClr val="181818"/>
                  </a:solidFill>
                  <a:latin typeface="Ericsson Hilda Light" panose="00000400000000000000" pitchFamily="2" charset="0"/>
                </a:rPr>
                <a:t>Test Configuration</a:t>
              </a:r>
            </a:p>
          </p:txBody>
        </p:sp>
        <p:sp>
          <p:nvSpPr>
            <p:cNvPr id="131" name="TextBox 130">
              <a:extLst>
                <a:ext uri="{FF2B5EF4-FFF2-40B4-BE49-F238E27FC236}">
                  <a16:creationId xmlns:a16="http://schemas.microsoft.com/office/drawing/2014/main" id="{E4CFC258-D7EF-50BA-C682-260A6BB9C39D}"/>
                </a:ext>
              </a:extLst>
            </p:cNvPr>
            <p:cNvSpPr txBox="1"/>
            <p:nvPr/>
          </p:nvSpPr>
          <p:spPr bwMode="auto">
            <a:xfrm>
              <a:off x="1178168" y="1331274"/>
              <a:ext cx="2747978" cy="318255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72000" tIns="36000" rIns="73152" bIns="36576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defTabSz="914377">
                <a:buClr>
                  <a:srgbClr val="181818"/>
                </a:buClr>
                <a:defRPr/>
              </a:pPr>
              <a:r>
                <a:rPr lang="en-US" sz="1600" dirty="0">
                  <a:solidFill>
                    <a:srgbClr val="181818"/>
                  </a:solidFill>
                  <a:latin typeface="Ericsson Hilda Light" panose="00000400000000000000" pitchFamily="2" charset="0"/>
                </a:rPr>
                <a:t>(Including Performance KPIs)</a:t>
              </a:r>
            </a:p>
          </p:txBody>
        </p:sp>
        <p:sp>
          <p:nvSpPr>
            <p:cNvPr id="132" name="TextBox 131">
              <a:extLst>
                <a:ext uri="{FF2B5EF4-FFF2-40B4-BE49-F238E27FC236}">
                  <a16:creationId xmlns:a16="http://schemas.microsoft.com/office/drawing/2014/main" id="{E63480B9-D268-9511-AE44-7F8F4925F435}"/>
                </a:ext>
              </a:extLst>
            </p:cNvPr>
            <p:cNvSpPr txBox="1"/>
            <p:nvPr/>
          </p:nvSpPr>
          <p:spPr bwMode="auto">
            <a:xfrm>
              <a:off x="1715831" y="1899874"/>
              <a:ext cx="816985" cy="259774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72000" tIns="36000" rIns="73152" bIns="36576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defTabSz="914377">
                <a:buClr>
                  <a:srgbClr val="181818"/>
                </a:buClr>
                <a:defRPr/>
              </a:pPr>
              <a:r>
                <a:rPr lang="en-US" sz="1400" dirty="0">
                  <a:solidFill>
                    <a:srgbClr val="181818"/>
                  </a:solidFill>
                  <a:latin typeface="Ericsson Hilda Light" panose="00000400000000000000" pitchFamily="2" charset="0"/>
                </a:rPr>
                <a:t>[-110, 8]</a:t>
              </a:r>
            </a:p>
          </p:txBody>
        </p:sp>
        <p:sp>
          <p:nvSpPr>
            <p:cNvPr id="133" name="TextBox 132">
              <a:extLst>
                <a:ext uri="{FF2B5EF4-FFF2-40B4-BE49-F238E27FC236}">
                  <a16:creationId xmlns:a16="http://schemas.microsoft.com/office/drawing/2014/main" id="{61BBD59A-9D9B-2940-E27D-480031B36812}"/>
                </a:ext>
              </a:extLst>
            </p:cNvPr>
            <p:cNvSpPr txBox="1"/>
            <p:nvPr/>
          </p:nvSpPr>
          <p:spPr bwMode="auto">
            <a:xfrm>
              <a:off x="182184" y="2737842"/>
              <a:ext cx="828064" cy="318255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72000" tIns="36000" rIns="73152" bIns="36576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defTabSz="914377">
                <a:buClr>
                  <a:srgbClr val="181818"/>
                </a:buClr>
                <a:defRPr/>
              </a:pPr>
              <a:r>
                <a:rPr lang="en-US" sz="1400">
                  <a:solidFill>
                    <a:srgbClr val="FF3232"/>
                  </a:solidFill>
                  <a:latin typeface="Ericsson Hilda Light" panose="00000400000000000000" pitchFamily="2" charset="0"/>
                </a:rPr>
                <a:t>[-106, 9]</a:t>
              </a:r>
            </a:p>
          </p:txBody>
        </p:sp>
        <p:sp>
          <p:nvSpPr>
            <p:cNvPr id="134" name="TextBox 133">
              <a:extLst>
                <a:ext uri="{FF2B5EF4-FFF2-40B4-BE49-F238E27FC236}">
                  <a16:creationId xmlns:a16="http://schemas.microsoft.com/office/drawing/2014/main" id="{3CEB8C56-01A3-1F12-FEE2-9CCC49529055}"/>
                </a:ext>
              </a:extLst>
            </p:cNvPr>
            <p:cNvSpPr txBox="1"/>
            <p:nvPr/>
          </p:nvSpPr>
          <p:spPr bwMode="auto">
            <a:xfrm>
              <a:off x="2400407" y="3157416"/>
              <a:ext cx="746470" cy="265045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72000" tIns="36000" rIns="73152" bIns="36576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defTabSz="914377">
                <a:buClr>
                  <a:srgbClr val="181818"/>
                </a:buClr>
                <a:defRPr/>
              </a:pPr>
              <a:r>
                <a:rPr lang="en-US" sz="1400">
                  <a:solidFill>
                    <a:srgbClr val="181818"/>
                  </a:solidFill>
                  <a:latin typeface="Ericsson Hilda Light" panose="00000400000000000000" pitchFamily="2" charset="0"/>
                </a:rPr>
                <a:t>[-80, 8]</a:t>
              </a:r>
            </a:p>
          </p:txBody>
        </p:sp>
        <p:sp>
          <p:nvSpPr>
            <p:cNvPr id="135" name="TextBox 134">
              <a:extLst>
                <a:ext uri="{FF2B5EF4-FFF2-40B4-BE49-F238E27FC236}">
                  <a16:creationId xmlns:a16="http://schemas.microsoft.com/office/drawing/2014/main" id="{ED4809CC-9F66-259E-16CB-AED344EB801E}"/>
                </a:ext>
              </a:extLst>
            </p:cNvPr>
            <p:cNvSpPr txBox="1"/>
            <p:nvPr/>
          </p:nvSpPr>
          <p:spPr bwMode="auto">
            <a:xfrm>
              <a:off x="3537597" y="2076857"/>
              <a:ext cx="816985" cy="281640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72000" tIns="36000" rIns="73152" bIns="36576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defTabSz="914377">
                <a:buClr>
                  <a:srgbClr val="181818"/>
                </a:buClr>
                <a:defRPr/>
              </a:pPr>
              <a:r>
                <a:rPr lang="en-US" sz="1400">
                  <a:solidFill>
                    <a:srgbClr val="181818"/>
                  </a:solidFill>
                  <a:latin typeface="Ericsson Hilda Light" panose="00000400000000000000" pitchFamily="2" charset="0"/>
                </a:rPr>
                <a:t>[-90, 10]</a:t>
              </a:r>
            </a:p>
          </p:txBody>
        </p:sp>
        <p:sp>
          <p:nvSpPr>
            <p:cNvPr id="136" name="TextBox 135">
              <a:extLst>
                <a:ext uri="{FF2B5EF4-FFF2-40B4-BE49-F238E27FC236}">
                  <a16:creationId xmlns:a16="http://schemas.microsoft.com/office/drawing/2014/main" id="{3BBB8FBC-5EFC-818E-78CD-6932B44B6E94}"/>
                </a:ext>
              </a:extLst>
            </p:cNvPr>
            <p:cNvSpPr txBox="1"/>
            <p:nvPr/>
          </p:nvSpPr>
          <p:spPr bwMode="auto">
            <a:xfrm>
              <a:off x="1343252" y="4930594"/>
              <a:ext cx="954726" cy="268595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72000" tIns="36000" rIns="73152" bIns="36576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defTabSz="914377">
                <a:buClr>
                  <a:srgbClr val="181818"/>
                </a:buClr>
                <a:defRPr/>
              </a:pPr>
              <a:r>
                <a:rPr lang="en-US" sz="1400">
                  <a:solidFill>
                    <a:srgbClr val="181818"/>
                  </a:solidFill>
                  <a:latin typeface="Ericsson Hilda Light" panose="00000400000000000000" pitchFamily="2" charset="0"/>
                </a:rPr>
                <a:t>[-100, 10]</a:t>
              </a:r>
            </a:p>
          </p:txBody>
        </p:sp>
        <p:sp>
          <p:nvSpPr>
            <p:cNvPr id="137" name="TextBox 136">
              <a:extLst>
                <a:ext uri="{FF2B5EF4-FFF2-40B4-BE49-F238E27FC236}">
                  <a16:creationId xmlns:a16="http://schemas.microsoft.com/office/drawing/2014/main" id="{4CF05B16-8789-5919-9872-DBFE81FFCE49}"/>
                </a:ext>
              </a:extLst>
            </p:cNvPr>
            <p:cNvSpPr txBox="1"/>
            <p:nvPr/>
          </p:nvSpPr>
          <p:spPr bwMode="auto">
            <a:xfrm>
              <a:off x="4040120" y="3229144"/>
              <a:ext cx="920465" cy="267299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72000" tIns="36000" rIns="73152" bIns="36576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defTabSz="914377">
                <a:buClr>
                  <a:srgbClr val="181818"/>
                </a:buClr>
                <a:defRPr/>
              </a:pPr>
              <a:r>
                <a:rPr lang="en-US" sz="1400">
                  <a:solidFill>
                    <a:srgbClr val="181818"/>
                  </a:solidFill>
                  <a:latin typeface="Ericsson Hilda Light" panose="00000400000000000000" pitchFamily="2" charset="0"/>
                </a:rPr>
                <a:t>[-120, 10]</a:t>
              </a:r>
            </a:p>
          </p:txBody>
        </p:sp>
        <p:sp>
          <p:nvSpPr>
            <p:cNvPr id="138" name="TextBox 137">
              <a:extLst>
                <a:ext uri="{FF2B5EF4-FFF2-40B4-BE49-F238E27FC236}">
                  <a16:creationId xmlns:a16="http://schemas.microsoft.com/office/drawing/2014/main" id="{01F28693-64C7-DE77-4696-92AB7685EDD0}"/>
                </a:ext>
              </a:extLst>
            </p:cNvPr>
            <p:cNvSpPr txBox="1"/>
            <p:nvPr/>
          </p:nvSpPr>
          <p:spPr bwMode="auto">
            <a:xfrm>
              <a:off x="3235871" y="5199189"/>
              <a:ext cx="954726" cy="268595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72000" tIns="36000" rIns="73152" bIns="36576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defTabSz="914377">
                <a:buClr>
                  <a:srgbClr val="181818"/>
                </a:buClr>
                <a:defRPr/>
              </a:pPr>
              <a:r>
                <a:rPr lang="en-US" sz="1400">
                  <a:solidFill>
                    <a:srgbClr val="FF3232"/>
                  </a:solidFill>
                  <a:latin typeface="Ericsson Hilda Light" panose="00000400000000000000" pitchFamily="2" charset="0"/>
                </a:rPr>
                <a:t>[-103, 10]</a:t>
              </a:r>
            </a:p>
          </p:txBody>
        </p:sp>
        <p:cxnSp>
          <p:nvCxnSpPr>
            <p:cNvPr id="139" name="Straight Connector 138">
              <a:extLst>
                <a:ext uri="{FF2B5EF4-FFF2-40B4-BE49-F238E27FC236}">
                  <a16:creationId xmlns:a16="http://schemas.microsoft.com/office/drawing/2014/main" id="{B0EDF55F-08C9-1EA8-22CD-7DDC1621994D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1035847" y="3553709"/>
              <a:ext cx="1326034" cy="215924"/>
            </a:xfrm>
            <a:prstGeom prst="line">
              <a:avLst/>
            </a:prstGeom>
            <a:solidFill>
              <a:schemeClr val="accent1"/>
            </a:solidFill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  <p:cxnSp>
          <p:nvCxnSpPr>
            <p:cNvPr id="140" name="Straight Connector 139">
              <a:extLst>
                <a:ext uri="{FF2B5EF4-FFF2-40B4-BE49-F238E27FC236}">
                  <a16:creationId xmlns:a16="http://schemas.microsoft.com/office/drawing/2014/main" id="{531BFDBF-42E7-2D2B-BEF9-A9BE1B112F82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2001067" y="4044403"/>
              <a:ext cx="551090" cy="324118"/>
            </a:xfrm>
            <a:prstGeom prst="line">
              <a:avLst/>
            </a:prstGeom>
            <a:solidFill>
              <a:schemeClr val="accent1"/>
            </a:solidFill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  <p:cxnSp>
          <p:nvCxnSpPr>
            <p:cNvPr id="141" name="Straight Connector 140">
              <a:extLst>
                <a:ext uri="{FF2B5EF4-FFF2-40B4-BE49-F238E27FC236}">
                  <a16:creationId xmlns:a16="http://schemas.microsoft.com/office/drawing/2014/main" id="{04483F21-5D6B-FD30-1E7C-52F8E3042E8D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2981463" y="3873187"/>
              <a:ext cx="1231392" cy="88993"/>
            </a:xfrm>
            <a:prstGeom prst="line">
              <a:avLst/>
            </a:prstGeom>
            <a:solidFill>
              <a:schemeClr val="accent1"/>
            </a:solidFill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  <p:cxnSp>
          <p:nvCxnSpPr>
            <p:cNvPr id="142" name="Straight Connector 141">
              <a:extLst>
                <a:ext uri="{FF2B5EF4-FFF2-40B4-BE49-F238E27FC236}">
                  <a16:creationId xmlns:a16="http://schemas.microsoft.com/office/drawing/2014/main" id="{9FE74193-D4FD-7722-3DD7-6FB1C7F15B5C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2861400" y="4078141"/>
              <a:ext cx="551629" cy="440222"/>
            </a:xfrm>
            <a:prstGeom prst="line">
              <a:avLst/>
            </a:prstGeom>
            <a:solidFill>
              <a:schemeClr val="accent1"/>
            </a:solidFill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  <p:cxnSp>
          <p:nvCxnSpPr>
            <p:cNvPr id="143" name="Straight Connector 142">
              <a:extLst>
                <a:ext uri="{FF2B5EF4-FFF2-40B4-BE49-F238E27FC236}">
                  <a16:creationId xmlns:a16="http://schemas.microsoft.com/office/drawing/2014/main" id="{6D477C07-F542-18DA-9568-C23804F78F40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3039208" y="2898509"/>
              <a:ext cx="684758" cy="545375"/>
            </a:xfrm>
            <a:prstGeom prst="line">
              <a:avLst/>
            </a:prstGeom>
            <a:solidFill>
              <a:schemeClr val="accent1"/>
            </a:solidFill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  <p:cxnSp>
          <p:nvCxnSpPr>
            <p:cNvPr id="144" name="Straight Connector 143">
              <a:extLst>
                <a:ext uri="{FF2B5EF4-FFF2-40B4-BE49-F238E27FC236}">
                  <a16:creationId xmlns:a16="http://schemas.microsoft.com/office/drawing/2014/main" id="{11CA6AA3-02A6-A172-7B1A-CBD1B9D54D08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2219220" y="2821295"/>
              <a:ext cx="254644" cy="605532"/>
            </a:xfrm>
            <a:prstGeom prst="line">
              <a:avLst/>
            </a:prstGeom>
            <a:solidFill>
              <a:schemeClr val="accent1"/>
            </a:solidFill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  <p:cxnSp>
          <p:nvCxnSpPr>
            <p:cNvPr id="145" name="Straight Connector 144">
              <a:extLst>
                <a:ext uri="{FF2B5EF4-FFF2-40B4-BE49-F238E27FC236}">
                  <a16:creationId xmlns:a16="http://schemas.microsoft.com/office/drawing/2014/main" id="{5019AD16-ADB2-1810-2ACE-A7C1FFC23F00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856622" y="3777205"/>
              <a:ext cx="564063" cy="677692"/>
            </a:xfrm>
            <a:prstGeom prst="line">
              <a:avLst/>
            </a:prstGeom>
            <a:solidFill>
              <a:schemeClr val="accent1"/>
            </a:solidFill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  <p:cxnSp>
          <p:nvCxnSpPr>
            <p:cNvPr id="146" name="Straight Connector 145">
              <a:extLst>
                <a:ext uri="{FF2B5EF4-FFF2-40B4-BE49-F238E27FC236}">
                  <a16:creationId xmlns:a16="http://schemas.microsoft.com/office/drawing/2014/main" id="{2DE7BC73-2B3F-935D-A4F1-DC0E2D4D13D3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2429477" y="2398451"/>
              <a:ext cx="1149459" cy="138510"/>
            </a:xfrm>
            <a:prstGeom prst="line">
              <a:avLst/>
            </a:prstGeom>
            <a:solidFill>
              <a:schemeClr val="accent1"/>
            </a:solidFill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  <p:cxnSp>
          <p:nvCxnSpPr>
            <p:cNvPr id="147" name="Straight Connector 146">
              <a:extLst>
                <a:ext uri="{FF2B5EF4-FFF2-40B4-BE49-F238E27FC236}">
                  <a16:creationId xmlns:a16="http://schemas.microsoft.com/office/drawing/2014/main" id="{FBDE7421-C6D3-EDA2-E0F1-3FDAC8F26906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3946090" y="4221115"/>
              <a:ext cx="465229" cy="321650"/>
            </a:xfrm>
            <a:prstGeom prst="line">
              <a:avLst/>
            </a:prstGeom>
            <a:solidFill>
              <a:schemeClr val="accent1"/>
            </a:solidFill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  <p:sp>
          <p:nvSpPr>
            <p:cNvPr id="148" name="Oval 147">
              <a:extLst>
                <a:ext uri="{FF2B5EF4-FFF2-40B4-BE49-F238E27FC236}">
                  <a16:creationId xmlns:a16="http://schemas.microsoft.com/office/drawing/2014/main" id="{A842594A-BF35-60F9-C858-66ADF655E19C}"/>
                </a:ext>
              </a:extLst>
            </p:cNvPr>
            <p:cNvSpPr/>
            <p:nvPr/>
          </p:nvSpPr>
          <p:spPr>
            <a:xfrm>
              <a:off x="412733" y="3030314"/>
              <a:ext cx="745294" cy="753243"/>
            </a:xfrm>
            <a:prstGeom prst="ellipse">
              <a:avLst/>
            </a:prstGeom>
            <a:noFill/>
            <a:ln w="28575">
              <a:solidFill>
                <a:srgbClr val="FF0000"/>
              </a:solidFill>
              <a:prstDash val="dash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377">
                <a:defRPr/>
              </a:pPr>
              <a:endParaRPr lang="en-US">
                <a:solidFill>
                  <a:prstClr val="white"/>
                </a:solidFill>
                <a:latin typeface="Ericsson Hilda Light" panose="00000400000000000000" pitchFamily="2" charset="0"/>
              </a:endParaRPr>
            </a:p>
          </p:txBody>
        </p:sp>
        <p:sp>
          <p:nvSpPr>
            <p:cNvPr id="149" name="Oval 148">
              <a:extLst>
                <a:ext uri="{FF2B5EF4-FFF2-40B4-BE49-F238E27FC236}">
                  <a16:creationId xmlns:a16="http://schemas.microsoft.com/office/drawing/2014/main" id="{1A10692B-0D75-A88A-00C9-5CD60B9ADED2}"/>
                </a:ext>
              </a:extLst>
            </p:cNvPr>
            <p:cNvSpPr/>
            <p:nvPr/>
          </p:nvSpPr>
          <p:spPr>
            <a:xfrm>
              <a:off x="3334871" y="4415477"/>
              <a:ext cx="745294" cy="753243"/>
            </a:xfrm>
            <a:prstGeom prst="ellipse">
              <a:avLst/>
            </a:prstGeom>
            <a:noFill/>
            <a:ln w="28575">
              <a:solidFill>
                <a:srgbClr val="FF0000"/>
              </a:solidFill>
              <a:prstDash val="dash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377">
                <a:defRPr/>
              </a:pPr>
              <a:endParaRPr lang="en-US">
                <a:solidFill>
                  <a:prstClr val="white"/>
                </a:solidFill>
                <a:latin typeface="Ericsson Hilda Light" panose="00000400000000000000" pitchFamily="2" charset="0"/>
              </a:endParaRPr>
            </a:p>
          </p:txBody>
        </p:sp>
        <p:sp>
          <p:nvSpPr>
            <p:cNvPr id="150" name="TextBox 149">
              <a:extLst>
                <a:ext uri="{FF2B5EF4-FFF2-40B4-BE49-F238E27FC236}">
                  <a16:creationId xmlns:a16="http://schemas.microsoft.com/office/drawing/2014/main" id="{F6D8B82D-F479-60BD-511C-9F5F2483B4D2}"/>
                </a:ext>
              </a:extLst>
            </p:cNvPr>
            <p:cNvSpPr txBox="1"/>
            <p:nvPr/>
          </p:nvSpPr>
          <p:spPr bwMode="auto">
            <a:xfrm>
              <a:off x="1147056" y="3068506"/>
              <a:ext cx="569008" cy="460901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72000" tIns="36000" rIns="73152" bIns="36576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algn="ctr" defTabSz="914377">
                <a:buClr>
                  <a:srgbClr val="70AD47"/>
                </a:buClr>
                <a:defRPr/>
              </a:pPr>
              <a:r>
                <a:rPr lang="en-US" sz="1400">
                  <a:solidFill>
                    <a:srgbClr val="FF3232"/>
                  </a:solidFill>
                  <a:latin typeface="Ericsson Hilda Light" panose="00000400000000000000" pitchFamily="2" charset="0"/>
                </a:rPr>
                <a:t>Issue cell</a:t>
              </a:r>
            </a:p>
          </p:txBody>
        </p:sp>
        <p:sp>
          <p:nvSpPr>
            <p:cNvPr id="151" name="TextBox 150">
              <a:extLst>
                <a:ext uri="{FF2B5EF4-FFF2-40B4-BE49-F238E27FC236}">
                  <a16:creationId xmlns:a16="http://schemas.microsoft.com/office/drawing/2014/main" id="{1B04DE84-A820-EFEB-06B2-C564CC646023}"/>
                </a:ext>
              </a:extLst>
            </p:cNvPr>
            <p:cNvSpPr txBox="1"/>
            <p:nvPr/>
          </p:nvSpPr>
          <p:spPr bwMode="auto">
            <a:xfrm>
              <a:off x="2765299" y="4542765"/>
              <a:ext cx="570966" cy="472466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72000" tIns="36000" rIns="73152" bIns="36576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algn="ctr" defTabSz="914377">
                <a:buClr>
                  <a:srgbClr val="70AD47"/>
                </a:buClr>
                <a:defRPr/>
              </a:pPr>
              <a:r>
                <a:rPr lang="en-US" sz="1400">
                  <a:solidFill>
                    <a:srgbClr val="FF3232"/>
                  </a:solidFill>
                  <a:latin typeface="Ericsson Hilda Light" panose="00000400000000000000" pitchFamily="2" charset="0"/>
                </a:rPr>
                <a:t>Issue cell</a:t>
              </a:r>
            </a:p>
          </p:txBody>
        </p:sp>
      </p:grpSp>
      <p:grpSp>
        <p:nvGrpSpPr>
          <p:cNvPr id="152" name="Group 151">
            <a:extLst>
              <a:ext uri="{FF2B5EF4-FFF2-40B4-BE49-F238E27FC236}">
                <a16:creationId xmlns:a16="http://schemas.microsoft.com/office/drawing/2014/main" id="{C876C5E8-9B15-E8CB-553C-E8C9D5A4AE66}"/>
              </a:ext>
            </a:extLst>
          </p:cNvPr>
          <p:cNvGrpSpPr/>
          <p:nvPr/>
        </p:nvGrpSpPr>
        <p:grpSpPr>
          <a:xfrm>
            <a:off x="7783106" y="1270767"/>
            <a:ext cx="4285383" cy="4291108"/>
            <a:chOff x="7575483" y="1106724"/>
            <a:chExt cx="4285383" cy="4291108"/>
          </a:xfrm>
        </p:grpSpPr>
        <p:sp>
          <p:nvSpPr>
            <p:cNvPr id="153" name="TextBox 152">
              <a:extLst>
                <a:ext uri="{FF2B5EF4-FFF2-40B4-BE49-F238E27FC236}">
                  <a16:creationId xmlns:a16="http://schemas.microsoft.com/office/drawing/2014/main" id="{67DC0947-DE32-A6D9-3012-AFB6B87F19B7}"/>
                </a:ext>
              </a:extLst>
            </p:cNvPr>
            <p:cNvSpPr txBox="1"/>
            <p:nvPr/>
          </p:nvSpPr>
          <p:spPr bwMode="auto">
            <a:xfrm>
              <a:off x="8754219" y="1106724"/>
              <a:ext cx="2184990" cy="392156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72000" tIns="36000" rIns="73152" bIns="36576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defTabSz="914377">
                <a:buClr>
                  <a:srgbClr val="181818"/>
                </a:buClr>
                <a:defRPr/>
              </a:pPr>
              <a:r>
                <a:rPr lang="en-US" sz="2000" dirty="0">
                  <a:solidFill>
                    <a:srgbClr val="181818"/>
                  </a:solidFill>
                  <a:latin typeface="Ericsson Hilda Light" panose="00000400000000000000" pitchFamily="2" charset="0"/>
                </a:rPr>
                <a:t>Predicted UL SINR</a:t>
              </a:r>
            </a:p>
          </p:txBody>
        </p:sp>
        <p:sp>
          <p:nvSpPr>
            <p:cNvPr id="154" name="TextBox 153">
              <a:extLst>
                <a:ext uri="{FF2B5EF4-FFF2-40B4-BE49-F238E27FC236}">
                  <a16:creationId xmlns:a16="http://schemas.microsoft.com/office/drawing/2014/main" id="{ACF905FC-833D-B93A-882B-8C14CCCEA94B}"/>
                </a:ext>
              </a:extLst>
            </p:cNvPr>
            <p:cNvSpPr txBox="1"/>
            <p:nvPr/>
          </p:nvSpPr>
          <p:spPr bwMode="auto">
            <a:xfrm>
              <a:off x="9108524" y="1899874"/>
              <a:ext cx="345882" cy="259774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72000" tIns="36000" rIns="73152" bIns="36576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defTabSz="914377">
                <a:buClr>
                  <a:srgbClr val="181818"/>
                </a:buClr>
                <a:defRPr/>
              </a:pPr>
              <a:r>
                <a:rPr lang="en-US" sz="1400">
                  <a:solidFill>
                    <a:srgbClr val="00B050"/>
                  </a:solidFill>
                  <a:latin typeface="Ericsson Hilda Light" panose="00000400000000000000" pitchFamily="2" charset="0"/>
                </a:rPr>
                <a:t>20</a:t>
              </a:r>
            </a:p>
          </p:txBody>
        </p:sp>
        <p:cxnSp>
          <p:nvCxnSpPr>
            <p:cNvPr id="155" name="Straight Connector 154">
              <a:extLst>
                <a:ext uri="{FF2B5EF4-FFF2-40B4-BE49-F238E27FC236}">
                  <a16:creationId xmlns:a16="http://schemas.microsoft.com/office/drawing/2014/main" id="{5BD03632-FCD5-6C3F-9C6F-97EECECD7849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8192275" y="3557756"/>
              <a:ext cx="1326034" cy="215924"/>
            </a:xfrm>
            <a:prstGeom prst="line">
              <a:avLst/>
            </a:prstGeom>
            <a:solidFill>
              <a:schemeClr val="accent1"/>
            </a:solidFill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  <p:cxnSp>
          <p:nvCxnSpPr>
            <p:cNvPr id="156" name="Straight Connector 155">
              <a:extLst>
                <a:ext uri="{FF2B5EF4-FFF2-40B4-BE49-F238E27FC236}">
                  <a16:creationId xmlns:a16="http://schemas.microsoft.com/office/drawing/2014/main" id="{B9CF6782-141F-5427-F193-8A29B6E9C20E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9157495" y="4048450"/>
              <a:ext cx="551090" cy="324118"/>
            </a:xfrm>
            <a:prstGeom prst="line">
              <a:avLst/>
            </a:prstGeom>
            <a:solidFill>
              <a:schemeClr val="accent1"/>
            </a:solidFill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  <p:cxnSp>
          <p:nvCxnSpPr>
            <p:cNvPr id="157" name="Straight Connector 156">
              <a:extLst>
                <a:ext uri="{FF2B5EF4-FFF2-40B4-BE49-F238E27FC236}">
                  <a16:creationId xmlns:a16="http://schemas.microsoft.com/office/drawing/2014/main" id="{0023880A-AE0F-4F65-BCD1-958B41BBD899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10137891" y="3877234"/>
              <a:ext cx="1231392" cy="88993"/>
            </a:xfrm>
            <a:prstGeom prst="line">
              <a:avLst/>
            </a:prstGeom>
            <a:solidFill>
              <a:schemeClr val="accent1"/>
            </a:solidFill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  <p:cxnSp>
          <p:nvCxnSpPr>
            <p:cNvPr id="158" name="Straight Connector 157">
              <a:extLst>
                <a:ext uri="{FF2B5EF4-FFF2-40B4-BE49-F238E27FC236}">
                  <a16:creationId xmlns:a16="http://schemas.microsoft.com/office/drawing/2014/main" id="{999272FD-DA2E-B8D8-0842-B80130A46726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10017828" y="4082188"/>
              <a:ext cx="551629" cy="440222"/>
            </a:xfrm>
            <a:prstGeom prst="line">
              <a:avLst/>
            </a:prstGeom>
            <a:solidFill>
              <a:schemeClr val="accent1"/>
            </a:solidFill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  <p:cxnSp>
          <p:nvCxnSpPr>
            <p:cNvPr id="159" name="Straight Connector 158">
              <a:extLst>
                <a:ext uri="{FF2B5EF4-FFF2-40B4-BE49-F238E27FC236}">
                  <a16:creationId xmlns:a16="http://schemas.microsoft.com/office/drawing/2014/main" id="{3220405C-E251-88DB-6767-51740B5FE1D4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0195636" y="2902556"/>
              <a:ext cx="684758" cy="545375"/>
            </a:xfrm>
            <a:prstGeom prst="line">
              <a:avLst/>
            </a:prstGeom>
            <a:solidFill>
              <a:schemeClr val="accent1"/>
            </a:solidFill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  <p:cxnSp>
          <p:nvCxnSpPr>
            <p:cNvPr id="160" name="Straight Connector 159">
              <a:extLst>
                <a:ext uri="{FF2B5EF4-FFF2-40B4-BE49-F238E27FC236}">
                  <a16:creationId xmlns:a16="http://schemas.microsoft.com/office/drawing/2014/main" id="{424D02DA-A5A9-5865-4C25-769F7C61F605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9375648" y="2825342"/>
              <a:ext cx="254644" cy="605532"/>
            </a:xfrm>
            <a:prstGeom prst="line">
              <a:avLst/>
            </a:prstGeom>
            <a:solidFill>
              <a:schemeClr val="accent1"/>
            </a:solidFill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  <p:cxnSp>
          <p:nvCxnSpPr>
            <p:cNvPr id="161" name="Straight Connector 160">
              <a:extLst>
                <a:ext uri="{FF2B5EF4-FFF2-40B4-BE49-F238E27FC236}">
                  <a16:creationId xmlns:a16="http://schemas.microsoft.com/office/drawing/2014/main" id="{A8766200-8A7B-3230-014A-87380301124D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8013050" y="3781252"/>
              <a:ext cx="564063" cy="677692"/>
            </a:xfrm>
            <a:prstGeom prst="line">
              <a:avLst/>
            </a:prstGeom>
            <a:solidFill>
              <a:schemeClr val="accent1"/>
            </a:solidFill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  <p:cxnSp>
          <p:nvCxnSpPr>
            <p:cNvPr id="162" name="Straight Connector 161">
              <a:extLst>
                <a:ext uri="{FF2B5EF4-FFF2-40B4-BE49-F238E27FC236}">
                  <a16:creationId xmlns:a16="http://schemas.microsoft.com/office/drawing/2014/main" id="{2B152E68-044D-6F66-0B68-049397F14A2C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9585905" y="2402498"/>
              <a:ext cx="1149459" cy="138510"/>
            </a:xfrm>
            <a:prstGeom prst="line">
              <a:avLst/>
            </a:prstGeom>
            <a:solidFill>
              <a:schemeClr val="accent1"/>
            </a:solidFill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  <p:cxnSp>
          <p:nvCxnSpPr>
            <p:cNvPr id="163" name="Straight Connector 162">
              <a:extLst>
                <a:ext uri="{FF2B5EF4-FFF2-40B4-BE49-F238E27FC236}">
                  <a16:creationId xmlns:a16="http://schemas.microsoft.com/office/drawing/2014/main" id="{AA3CBA03-8C30-F0AE-AA34-32C46146B273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11102518" y="4225162"/>
              <a:ext cx="465229" cy="321650"/>
            </a:xfrm>
            <a:prstGeom prst="line">
              <a:avLst/>
            </a:prstGeom>
            <a:solidFill>
              <a:schemeClr val="accent1"/>
            </a:solidFill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  <p:sp>
          <p:nvSpPr>
            <p:cNvPr id="164" name="TextBox 163">
              <a:extLst>
                <a:ext uri="{FF2B5EF4-FFF2-40B4-BE49-F238E27FC236}">
                  <a16:creationId xmlns:a16="http://schemas.microsoft.com/office/drawing/2014/main" id="{77684E09-D120-6191-74F4-92E944998D32}"/>
                </a:ext>
              </a:extLst>
            </p:cNvPr>
            <p:cNvSpPr txBox="1"/>
            <p:nvPr/>
          </p:nvSpPr>
          <p:spPr bwMode="auto">
            <a:xfrm>
              <a:off x="10929577" y="2080701"/>
              <a:ext cx="345882" cy="259774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72000" tIns="36000" rIns="73152" bIns="36576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defTabSz="914377">
                <a:buClr>
                  <a:srgbClr val="181818"/>
                </a:buClr>
                <a:defRPr/>
              </a:pPr>
              <a:r>
                <a:rPr lang="en-US" sz="1400">
                  <a:solidFill>
                    <a:srgbClr val="00B050"/>
                  </a:solidFill>
                  <a:latin typeface="Ericsson Hilda Light" panose="00000400000000000000" pitchFamily="2" charset="0"/>
                </a:rPr>
                <a:t>18</a:t>
              </a:r>
            </a:p>
          </p:txBody>
        </p:sp>
        <p:sp>
          <p:nvSpPr>
            <p:cNvPr id="165" name="TextBox 164">
              <a:extLst>
                <a:ext uri="{FF2B5EF4-FFF2-40B4-BE49-F238E27FC236}">
                  <a16:creationId xmlns:a16="http://schemas.microsoft.com/office/drawing/2014/main" id="{17CFB097-E280-23B7-EB9A-D88BF9520D1F}"/>
                </a:ext>
              </a:extLst>
            </p:cNvPr>
            <p:cNvSpPr txBox="1"/>
            <p:nvPr/>
          </p:nvSpPr>
          <p:spPr bwMode="auto">
            <a:xfrm>
              <a:off x="7774646" y="2835046"/>
              <a:ext cx="345882" cy="259774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72000" tIns="36000" rIns="73152" bIns="36576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defTabSz="914377">
                <a:buClr>
                  <a:srgbClr val="181818"/>
                </a:buClr>
                <a:defRPr/>
              </a:pPr>
              <a:r>
                <a:rPr lang="en-US" sz="1400">
                  <a:solidFill>
                    <a:srgbClr val="FF0000"/>
                  </a:solidFill>
                  <a:latin typeface="Ericsson Hilda Light" panose="00000400000000000000" pitchFamily="2" charset="0"/>
                </a:rPr>
                <a:t>10</a:t>
              </a:r>
            </a:p>
          </p:txBody>
        </p:sp>
        <p:sp>
          <p:nvSpPr>
            <p:cNvPr id="166" name="TextBox 165">
              <a:extLst>
                <a:ext uri="{FF2B5EF4-FFF2-40B4-BE49-F238E27FC236}">
                  <a16:creationId xmlns:a16="http://schemas.microsoft.com/office/drawing/2014/main" id="{F75A4CBE-A90D-955D-6A0F-8725757DAA45}"/>
                </a:ext>
              </a:extLst>
            </p:cNvPr>
            <p:cNvSpPr txBox="1"/>
            <p:nvPr/>
          </p:nvSpPr>
          <p:spPr bwMode="auto">
            <a:xfrm>
              <a:off x="8771683" y="4929022"/>
              <a:ext cx="345882" cy="259774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72000" tIns="36000" rIns="73152" bIns="36576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defTabSz="914377">
                <a:buClr>
                  <a:srgbClr val="181818"/>
                </a:buClr>
                <a:defRPr/>
              </a:pPr>
              <a:r>
                <a:rPr lang="en-US" sz="1400">
                  <a:solidFill>
                    <a:srgbClr val="00B050"/>
                  </a:solidFill>
                  <a:latin typeface="Ericsson Hilda Light" panose="00000400000000000000" pitchFamily="2" charset="0"/>
                </a:rPr>
                <a:t>21</a:t>
              </a:r>
            </a:p>
          </p:txBody>
        </p:sp>
        <p:sp>
          <p:nvSpPr>
            <p:cNvPr id="167" name="TextBox 166">
              <a:extLst>
                <a:ext uri="{FF2B5EF4-FFF2-40B4-BE49-F238E27FC236}">
                  <a16:creationId xmlns:a16="http://schemas.microsoft.com/office/drawing/2014/main" id="{8AA5B9C7-9C4D-53F0-8FE6-E6C9C6219D38}"/>
                </a:ext>
              </a:extLst>
            </p:cNvPr>
            <p:cNvSpPr txBox="1"/>
            <p:nvPr/>
          </p:nvSpPr>
          <p:spPr bwMode="auto">
            <a:xfrm>
              <a:off x="10766213" y="5138058"/>
              <a:ext cx="222124" cy="259774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72000" tIns="36000" rIns="73152" bIns="36576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defTabSz="914377">
                <a:buClr>
                  <a:srgbClr val="181818"/>
                </a:buClr>
                <a:defRPr/>
              </a:pPr>
              <a:r>
                <a:rPr lang="en-US" sz="1400">
                  <a:solidFill>
                    <a:srgbClr val="FF0000"/>
                  </a:solidFill>
                  <a:latin typeface="Ericsson Hilda Light" panose="00000400000000000000" pitchFamily="2" charset="0"/>
                </a:rPr>
                <a:t>8</a:t>
              </a:r>
            </a:p>
          </p:txBody>
        </p:sp>
        <p:sp>
          <p:nvSpPr>
            <p:cNvPr id="168" name="TextBox 167">
              <a:extLst>
                <a:ext uri="{FF2B5EF4-FFF2-40B4-BE49-F238E27FC236}">
                  <a16:creationId xmlns:a16="http://schemas.microsoft.com/office/drawing/2014/main" id="{B900C149-967E-9493-ED4A-EFD7F7332441}"/>
                </a:ext>
              </a:extLst>
            </p:cNvPr>
            <p:cNvSpPr txBox="1"/>
            <p:nvPr/>
          </p:nvSpPr>
          <p:spPr bwMode="auto">
            <a:xfrm>
              <a:off x="11514984" y="3281956"/>
              <a:ext cx="345882" cy="259774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72000" tIns="36000" rIns="73152" bIns="36576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defTabSz="914377">
                <a:buClr>
                  <a:srgbClr val="181818"/>
                </a:buClr>
                <a:defRPr/>
              </a:pPr>
              <a:r>
                <a:rPr lang="en-US" sz="1400">
                  <a:solidFill>
                    <a:srgbClr val="00B050"/>
                  </a:solidFill>
                  <a:latin typeface="Ericsson Hilda Light" panose="00000400000000000000" pitchFamily="2" charset="0"/>
                </a:rPr>
                <a:t>17</a:t>
              </a:r>
            </a:p>
          </p:txBody>
        </p:sp>
        <p:sp>
          <p:nvSpPr>
            <p:cNvPr id="169" name="TextBox 168">
              <a:extLst>
                <a:ext uri="{FF2B5EF4-FFF2-40B4-BE49-F238E27FC236}">
                  <a16:creationId xmlns:a16="http://schemas.microsoft.com/office/drawing/2014/main" id="{AC6625DD-315A-0763-F222-9A134F5530E9}"/>
                </a:ext>
              </a:extLst>
            </p:cNvPr>
            <p:cNvSpPr txBox="1"/>
            <p:nvPr/>
          </p:nvSpPr>
          <p:spPr bwMode="auto">
            <a:xfrm>
              <a:off x="9731273" y="3171196"/>
              <a:ext cx="345882" cy="259774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72000" tIns="36000" rIns="73152" bIns="36576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defTabSz="914377">
                <a:buClr>
                  <a:srgbClr val="181818"/>
                </a:buClr>
                <a:defRPr/>
              </a:pPr>
              <a:r>
                <a:rPr lang="en-US" sz="1400">
                  <a:solidFill>
                    <a:srgbClr val="00B050"/>
                  </a:solidFill>
                  <a:latin typeface="Ericsson Hilda Light" panose="00000400000000000000" pitchFamily="2" charset="0"/>
                </a:rPr>
                <a:t>17</a:t>
              </a:r>
            </a:p>
          </p:txBody>
        </p:sp>
        <p:sp>
          <p:nvSpPr>
            <p:cNvPr id="170" name="Oval 169">
              <a:extLst>
                <a:ext uri="{FF2B5EF4-FFF2-40B4-BE49-F238E27FC236}">
                  <a16:creationId xmlns:a16="http://schemas.microsoft.com/office/drawing/2014/main" id="{6BC28CD0-5C84-1500-4F67-AA21EFDDDA7C}"/>
                </a:ext>
              </a:extLst>
            </p:cNvPr>
            <p:cNvSpPr/>
            <p:nvPr/>
          </p:nvSpPr>
          <p:spPr>
            <a:xfrm>
              <a:off x="7575483" y="3065147"/>
              <a:ext cx="745294" cy="677693"/>
            </a:xfrm>
            <a:prstGeom prst="ellipse">
              <a:avLst/>
            </a:prstGeom>
            <a:noFill/>
            <a:ln w="28575">
              <a:solidFill>
                <a:srgbClr val="FF0000"/>
              </a:solidFill>
              <a:prstDash val="dash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377">
                <a:defRPr/>
              </a:pPr>
              <a:endParaRPr lang="en-US">
                <a:solidFill>
                  <a:prstClr val="white"/>
                </a:solidFill>
                <a:latin typeface="Ericsson Hilda Light" panose="00000400000000000000" pitchFamily="2" charset="0"/>
              </a:endParaRPr>
            </a:p>
          </p:txBody>
        </p:sp>
        <p:sp>
          <p:nvSpPr>
            <p:cNvPr id="171" name="Oval 170">
              <a:extLst>
                <a:ext uri="{FF2B5EF4-FFF2-40B4-BE49-F238E27FC236}">
                  <a16:creationId xmlns:a16="http://schemas.microsoft.com/office/drawing/2014/main" id="{9ED9FAED-EB17-F330-2F59-91BBE70CF31D}"/>
                </a:ext>
              </a:extLst>
            </p:cNvPr>
            <p:cNvSpPr/>
            <p:nvPr/>
          </p:nvSpPr>
          <p:spPr>
            <a:xfrm>
              <a:off x="10504628" y="4454068"/>
              <a:ext cx="745294" cy="677693"/>
            </a:xfrm>
            <a:prstGeom prst="ellipse">
              <a:avLst/>
            </a:prstGeom>
            <a:noFill/>
            <a:ln w="28575">
              <a:solidFill>
                <a:srgbClr val="FF0000"/>
              </a:solidFill>
              <a:prstDash val="dash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377">
                <a:defRPr/>
              </a:pPr>
              <a:endParaRPr lang="en-US">
                <a:solidFill>
                  <a:prstClr val="white"/>
                </a:solidFill>
                <a:latin typeface="Ericsson Hilda Light" panose="00000400000000000000" pitchFamily="2" charset="0"/>
              </a:endParaRPr>
            </a:p>
          </p:txBody>
        </p:sp>
      </p:grpSp>
      <p:sp>
        <p:nvSpPr>
          <p:cNvPr id="172" name="Oval 171">
            <a:extLst>
              <a:ext uri="{FF2B5EF4-FFF2-40B4-BE49-F238E27FC236}">
                <a16:creationId xmlns:a16="http://schemas.microsoft.com/office/drawing/2014/main" id="{DAF54E5C-DFEB-3E2E-D8FD-DA8F2B394B54}"/>
              </a:ext>
            </a:extLst>
          </p:cNvPr>
          <p:cNvSpPr/>
          <p:nvPr/>
        </p:nvSpPr>
        <p:spPr>
          <a:xfrm>
            <a:off x="9739189" y="3564859"/>
            <a:ext cx="745295" cy="677693"/>
          </a:xfrm>
          <a:prstGeom prst="ellipse">
            <a:avLst/>
          </a:prstGeom>
          <a:noFill/>
          <a:ln w="28575">
            <a:solidFill>
              <a:srgbClr val="7030A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77">
              <a:defRPr/>
            </a:pPr>
            <a:endParaRPr lang="en-US">
              <a:solidFill>
                <a:prstClr val="white"/>
              </a:solidFill>
              <a:latin typeface="Ericsson Hilda Light" panose="00000400000000000000" pitchFamily="2" charset="0"/>
            </a:endParaRPr>
          </a:p>
        </p:txBody>
      </p:sp>
      <p:sp>
        <p:nvSpPr>
          <p:cNvPr id="173" name="Hexagon 172">
            <a:extLst>
              <a:ext uri="{FF2B5EF4-FFF2-40B4-BE49-F238E27FC236}">
                <a16:creationId xmlns:a16="http://schemas.microsoft.com/office/drawing/2014/main" id="{653FF6DE-B6A9-0A59-AC48-5C4FFB3E497F}"/>
              </a:ext>
            </a:extLst>
          </p:cNvPr>
          <p:cNvSpPr/>
          <p:nvPr/>
        </p:nvSpPr>
        <p:spPr bwMode="auto">
          <a:xfrm>
            <a:off x="5281088" y="3216668"/>
            <a:ext cx="1933303" cy="1750219"/>
          </a:xfrm>
          <a:prstGeom prst="hexagon">
            <a:avLst/>
          </a:prstGeom>
          <a:ln>
            <a:headEnd type="none" w="med" len="med"/>
            <a:tailEnd type="none" w="med" len="med"/>
          </a:ln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79996" indent="-179996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err="1">
              <a:solidFill>
                <a:schemeClr val="bg1"/>
              </a:solidFill>
            </a:endParaRPr>
          </a:p>
        </p:txBody>
      </p:sp>
      <p:grpSp>
        <p:nvGrpSpPr>
          <p:cNvPr id="174" name="Group 173">
            <a:extLst>
              <a:ext uri="{FF2B5EF4-FFF2-40B4-BE49-F238E27FC236}">
                <a16:creationId xmlns:a16="http://schemas.microsoft.com/office/drawing/2014/main" id="{485AB684-0A93-A500-9956-8AB6C49D41D6}"/>
              </a:ext>
            </a:extLst>
          </p:cNvPr>
          <p:cNvGrpSpPr/>
          <p:nvPr/>
        </p:nvGrpSpPr>
        <p:grpSpPr>
          <a:xfrm>
            <a:off x="5499818" y="3419549"/>
            <a:ext cx="1491712" cy="1420997"/>
            <a:chOff x="7277410" y="1749031"/>
            <a:chExt cx="1491712" cy="1420997"/>
          </a:xfrm>
        </p:grpSpPr>
        <p:grpSp>
          <p:nvGrpSpPr>
            <p:cNvPr id="175" name="Group 174">
              <a:extLst>
                <a:ext uri="{FF2B5EF4-FFF2-40B4-BE49-F238E27FC236}">
                  <a16:creationId xmlns:a16="http://schemas.microsoft.com/office/drawing/2014/main" id="{DF51CCF2-150E-2AEE-C95B-688237E04A9C}"/>
                </a:ext>
              </a:extLst>
            </p:cNvPr>
            <p:cNvGrpSpPr/>
            <p:nvPr/>
          </p:nvGrpSpPr>
          <p:grpSpPr>
            <a:xfrm>
              <a:off x="7864258" y="2289200"/>
              <a:ext cx="318016" cy="318016"/>
              <a:chOff x="7864258" y="2289200"/>
              <a:chExt cx="318016" cy="318016"/>
            </a:xfrm>
          </p:grpSpPr>
          <p:sp>
            <p:nvSpPr>
              <p:cNvPr id="196" name="Oval 195">
                <a:extLst>
                  <a:ext uri="{FF2B5EF4-FFF2-40B4-BE49-F238E27FC236}">
                    <a16:creationId xmlns:a16="http://schemas.microsoft.com/office/drawing/2014/main" id="{60F7F3D7-ADFC-D6F5-6060-F62106BF7004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949243" y="2377440"/>
                <a:ext cx="148046" cy="141537"/>
              </a:xfrm>
              <a:prstGeom prst="ellipse">
                <a:avLst/>
              </a:prstGeom>
              <a:solidFill>
                <a:srgbClr val="FF3232"/>
              </a:solidFill>
              <a:ln w="12700" cap="flat" cmpd="sng" algn="ctr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179996" indent="-179996">
                  <a:spcBef>
                    <a:spcPts val="800"/>
                  </a:spcBef>
                  <a:buFont typeface="Ericsson Hilda" panose="00000500000000000000" pitchFamily="2" charset="0"/>
                  <a:buChar char="●"/>
                </a:pPr>
                <a:endParaRPr lang="en-US" err="1">
                  <a:solidFill>
                    <a:schemeClr val="bg1"/>
                  </a:solidFill>
                </a:endParaRPr>
              </a:p>
            </p:txBody>
          </p:sp>
          <p:sp>
            <p:nvSpPr>
              <p:cNvPr id="197" name="Oval 196">
                <a:extLst>
                  <a:ext uri="{FF2B5EF4-FFF2-40B4-BE49-F238E27FC236}">
                    <a16:creationId xmlns:a16="http://schemas.microsoft.com/office/drawing/2014/main" id="{79AB250A-E7B5-2E2F-F356-011A295BEE2A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864258" y="2289200"/>
                <a:ext cx="318016" cy="318016"/>
              </a:xfrm>
              <a:prstGeom prst="ellipse">
                <a:avLst/>
              </a:prstGeom>
              <a:noFill/>
              <a:ln w="12700" cap="flat" cmpd="tri" algn="ctr">
                <a:solidFill>
                  <a:schemeClr val="accent1"/>
                </a:solidFill>
                <a:prstDash val="dashDot"/>
                <a:round/>
                <a:headEnd type="none" w="med" len="med"/>
                <a:tailEnd type="none" w="med" len="med"/>
                <a:extLst>
                  <a:ext uri="{C807C97D-BFC1-408E-A445-0C87EB9F89A2}">
                    <ask:lineSketchStyleProps xmlns:ask="http://schemas.microsoft.com/office/drawing/2018/sketchyshapes" sd="1219033472">
                      <a:custGeom>
                        <a:avLst/>
                        <a:gdLst>
                          <a:gd name="connsiteX0" fmla="*/ 0 w 1653046"/>
                          <a:gd name="connsiteY0" fmla="*/ 826523 h 1653046"/>
                          <a:gd name="connsiteX1" fmla="*/ 826523 w 1653046"/>
                          <a:gd name="connsiteY1" fmla="*/ 0 h 1653046"/>
                          <a:gd name="connsiteX2" fmla="*/ 1653046 w 1653046"/>
                          <a:gd name="connsiteY2" fmla="*/ 826523 h 1653046"/>
                          <a:gd name="connsiteX3" fmla="*/ 826523 w 1653046"/>
                          <a:gd name="connsiteY3" fmla="*/ 1653046 h 1653046"/>
                          <a:gd name="connsiteX4" fmla="*/ 0 w 1653046"/>
                          <a:gd name="connsiteY4" fmla="*/ 826523 h 1653046"/>
                        </a:gdLst>
                        <a:ahLst/>
                        <a:cxnLst>
                          <a:cxn ang="0">
                            <a:pos x="connsiteX0" y="connsiteY0"/>
                          </a:cxn>
                          <a:cxn ang="0">
                            <a:pos x="connsiteX1" y="connsiteY1"/>
                          </a:cxn>
                          <a:cxn ang="0">
                            <a:pos x="connsiteX2" y="connsiteY2"/>
                          </a:cxn>
                          <a:cxn ang="0">
                            <a:pos x="connsiteX3" y="connsiteY3"/>
                          </a:cxn>
                          <a:cxn ang="0">
                            <a:pos x="connsiteX4" y="connsiteY4"/>
                          </a:cxn>
                        </a:cxnLst>
                        <a:rect l="l" t="t" r="r" b="b"/>
                        <a:pathLst>
                          <a:path w="1653046" h="1653046" extrusionOk="0">
                            <a:moveTo>
                              <a:pt x="0" y="826523"/>
                            </a:moveTo>
                            <a:cubicBezTo>
                              <a:pt x="-67347" y="328506"/>
                              <a:pt x="250094" y="45020"/>
                              <a:pt x="826523" y="0"/>
                            </a:cubicBezTo>
                            <a:cubicBezTo>
                              <a:pt x="1294882" y="2502"/>
                              <a:pt x="1534548" y="373815"/>
                              <a:pt x="1653046" y="826523"/>
                            </a:cubicBezTo>
                            <a:cubicBezTo>
                              <a:pt x="1592839" y="1341795"/>
                              <a:pt x="1261235" y="1773343"/>
                              <a:pt x="826523" y="1653046"/>
                            </a:cubicBezTo>
                            <a:cubicBezTo>
                              <a:pt x="268099" y="1597268"/>
                              <a:pt x="117048" y="1338926"/>
                              <a:pt x="0" y="826523"/>
                            </a:cubicBezTo>
                            <a:close/>
                          </a:path>
                        </a:pathLst>
                      </a:custGeom>
                      <ask:type>
                        <ask:lineSketchNone/>
                      </ask:type>
                    </ask:lineSketchStyleProps>
                  </a:ext>
                </a:extLst>
              </a:ln>
              <a:effectLst/>
            </p:spPr>
            <p:txBody>
  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179996" indent="-179996">
                  <a:spcBef>
                    <a:spcPts val="800"/>
                  </a:spcBef>
                  <a:buFont typeface="Ericsson Hilda" panose="00000500000000000000" pitchFamily="2" charset="0"/>
                  <a:buChar char="●"/>
                </a:pPr>
                <a:endParaRPr lang="en-US" err="1">
                  <a:solidFill>
                    <a:schemeClr val="bg1"/>
                  </a:solidFill>
                </a:endParaRPr>
              </a:p>
            </p:txBody>
          </p:sp>
        </p:grpSp>
        <p:grpSp>
          <p:nvGrpSpPr>
            <p:cNvPr id="176" name="Group 175">
              <a:extLst>
                <a:ext uri="{FF2B5EF4-FFF2-40B4-BE49-F238E27FC236}">
                  <a16:creationId xmlns:a16="http://schemas.microsoft.com/office/drawing/2014/main" id="{8F45015C-B099-EAC1-5585-8990BE175012}"/>
                </a:ext>
              </a:extLst>
            </p:cNvPr>
            <p:cNvGrpSpPr/>
            <p:nvPr/>
          </p:nvGrpSpPr>
          <p:grpSpPr>
            <a:xfrm>
              <a:off x="8379703" y="1799030"/>
              <a:ext cx="318016" cy="318016"/>
              <a:chOff x="7864258" y="2289200"/>
              <a:chExt cx="318016" cy="318016"/>
            </a:xfrm>
          </p:grpSpPr>
          <p:sp>
            <p:nvSpPr>
              <p:cNvPr id="194" name="Oval 193">
                <a:extLst>
                  <a:ext uri="{FF2B5EF4-FFF2-40B4-BE49-F238E27FC236}">
                    <a16:creationId xmlns:a16="http://schemas.microsoft.com/office/drawing/2014/main" id="{123C086D-B0B1-7A91-88C7-8EDA5BF3B84E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949243" y="2377440"/>
                <a:ext cx="148046" cy="141537"/>
              </a:xfrm>
              <a:prstGeom prst="ellipse">
                <a:avLst/>
              </a:prstGeom>
              <a:solidFill>
                <a:srgbClr val="0082F0"/>
              </a:solidFill>
              <a:ln w="12700" cap="flat" cmpd="sng" algn="ctr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179996" indent="-179996">
                  <a:spcBef>
                    <a:spcPts val="800"/>
                  </a:spcBef>
                  <a:buFont typeface="Ericsson Hilda" panose="00000500000000000000" pitchFamily="2" charset="0"/>
                  <a:buChar char="●"/>
                </a:pPr>
                <a:endParaRPr lang="en-US" err="1">
                  <a:solidFill>
                    <a:schemeClr val="bg1"/>
                  </a:solidFill>
                </a:endParaRPr>
              </a:p>
            </p:txBody>
          </p:sp>
          <p:sp>
            <p:nvSpPr>
              <p:cNvPr id="195" name="Oval 194">
                <a:extLst>
                  <a:ext uri="{FF2B5EF4-FFF2-40B4-BE49-F238E27FC236}">
                    <a16:creationId xmlns:a16="http://schemas.microsoft.com/office/drawing/2014/main" id="{A9D7C595-41A8-9BBE-98D5-E51BCF85DE70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864258" y="2289200"/>
                <a:ext cx="318016" cy="318016"/>
              </a:xfrm>
              <a:prstGeom prst="ellipse">
                <a:avLst/>
              </a:prstGeom>
              <a:noFill/>
              <a:ln w="12700" cap="flat" cmpd="tri" algn="ctr">
                <a:solidFill>
                  <a:schemeClr val="accent1"/>
                </a:solidFill>
                <a:prstDash val="dashDot"/>
                <a:round/>
                <a:headEnd type="none" w="med" len="med"/>
                <a:tailEnd type="none" w="med" len="med"/>
                <a:extLst>
                  <a:ext uri="{C807C97D-BFC1-408E-A445-0C87EB9F89A2}">
                    <ask:lineSketchStyleProps xmlns:ask="http://schemas.microsoft.com/office/drawing/2018/sketchyshapes" sd="1219033472">
                      <a:custGeom>
                        <a:avLst/>
                        <a:gdLst>
                          <a:gd name="connsiteX0" fmla="*/ 0 w 1653046"/>
                          <a:gd name="connsiteY0" fmla="*/ 826523 h 1653046"/>
                          <a:gd name="connsiteX1" fmla="*/ 826523 w 1653046"/>
                          <a:gd name="connsiteY1" fmla="*/ 0 h 1653046"/>
                          <a:gd name="connsiteX2" fmla="*/ 1653046 w 1653046"/>
                          <a:gd name="connsiteY2" fmla="*/ 826523 h 1653046"/>
                          <a:gd name="connsiteX3" fmla="*/ 826523 w 1653046"/>
                          <a:gd name="connsiteY3" fmla="*/ 1653046 h 1653046"/>
                          <a:gd name="connsiteX4" fmla="*/ 0 w 1653046"/>
                          <a:gd name="connsiteY4" fmla="*/ 826523 h 1653046"/>
                        </a:gdLst>
                        <a:ahLst/>
                        <a:cxnLst>
                          <a:cxn ang="0">
                            <a:pos x="connsiteX0" y="connsiteY0"/>
                          </a:cxn>
                          <a:cxn ang="0">
                            <a:pos x="connsiteX1" y="connsiteY1"/>
                          </a:cxn>
                          <a:cxn ang="0">
                            <a:pos x="connsiteX2" y="connsiteY2"/>
                          </a:cxn>
                          <a:cxn ang="0">
                            <a:pos x="connsiteX3" y="connsiteY3"/>
                          </a:cxn>
                          <a:cxn ang="0">
                            <a:pos x="connsiteX4" y="connsiteY4"/>
                          </a:cxn>
                        </a:cxnLst>
                        <a:rect l="l" t="t" r="r" b="b"/>
                        <a:pathLst>
                          <a:path w="1653046" h="1653046" extrusionOk="0">
                            <a:moveTo>
                              <a:pt x="0" y="826523"/>
                            </a:moveTo>
                            <a:cubicBezTo>
                              <a:pt x="-67347" y="328506"/>
                              <a:pt x="250094" y="45020"/>
                              <a:pt x="826523" y="0"/>
                            </a:cubicBezTo>
                            <a:cubicBezTo>
                              <a:pt x="1294882" y="2502"/>
                              <a:pt x="1534548" y="373815"/>
                              <a:pt x="1653046" y="826523"/>
                            </a:cubicBezTo>
                            <a:cubicBezTo>
                              <a:pt x="1592839" y="1341795"/>
                              <a:pt x="1261235" y="1773343"/>
                              <a:pt x="826523" y="1653046"/>
                            </a:cubicBezTo>
                            <a:cubicBezTo>
                              <a:pt x="268099" y="1597268"/>
                              <a:pt x="117048" y="1338926"/>
                              <a:pt x="0" y="826523"/>
                            </a:cubicBezTo>
                            <a:close/>
                          </a:path>
                        </a:pathLst>
                      </a:custGeom>
                      <ask:type>
                        <ask:lineSketchNone/>
                      </ask:type>
                    </ask:lineSketchStyleProps>
                  </a:ext>
                </a:extLst>
              </a:ln>
              <a:effectLst/>
            </p:spPr>
            <p:txBody>
  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179996" indent="-179996">
                  <a:spcBef>
                    <a:spcPts val="800"/>
                  </a:spcBef>
                  <a:buFont typeface="Ericsson Hilda" panose="00000500000000000000" pitchFamily="2" charset="0"/>
                  <a:buChar char="●"/>
                </a:pPr>
                <a:endParaRPr lang="en-US" err="1">
                  <a:solidFill>
                    <a:schemeClr val="bg1"/>
                  </a:solidFill>
                </a:endParaRPr>
              </a:p>
            </p:txBody>
          </p:sp>
        </p:grpSp>
        <p:grpSp>
          <p:nvGrpSpPr>
            <p:cNvPr id="177" name="Group 176">
              <a:extLst>
                <a:ext uri="{FF2B5EF4-FFF2-40B4-BE49-F238E27FC236}">
                  <a16:creationId xmlns:a16="http://schemas.microsoft.com/office/drawing/2014/main" id="{F9D9E419-61F3-9140-531C-6255A5A94B7D}"/>
                </a:ext>
              </a:extLst>
            </p:cNvPr>
            <p:cNvGrpSpPr/>
            <p:nvPr/>
          </p:nvGrpSpPr>
          <p:grpSpPr>
            <a:xfrm>
              <a:off x="8451106" y="2289200"/>
              <a:ext cx="318016" cy="318016"/>
              <a:chOff x="7864258" y="2289200"/>
              <a:chExt cx="318016" cy="318016"/>
            </a:xfrm>
          </p:grpSpPr>
          <p:sp>
            <p:nvSpPr>
              <p:cNvPr id="192" name="Oval 191">
                <a:extLst>
                  <a:ext uri="{FF2B5EF4-FFF2-40B4-BE49-F238E27FC236}">
                    <a16:creationId xmlns:a16="http://schemas.microsoft.com/office/drawing/2014/main" id="{3D526CA6-2763-3F09-13A2-3789096CA809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949243" y="2377440"/>
                <a:ext cx="148046" cy="141537"/>
              </a:xfrm>
              <a:prstGeom prst="ellipse">
                <a:avLst/>
              </a:prstGeom>
              <a:solidFill>
                <a:schemeClr val="bg1">
                  <a:lumMod val="85000"/>
                </a:schemeClr>
              </a:solidFill>
              <a:ln w="12700" cap="flat" cmpd="sng" algn="ctr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179996" indent="-179996">
                  <a:spcBef>
                    <a:spcPts val="800"/>
                  </a:spcBef>
                  <a:buFont typeface="Ericsson Hilda" panose="00000500000000000000" pitchFamily="2" charset="0"/>
                  <a:buChar char="●"/>
                </a:pPr>
                <a:endParaRPr lang="en-US" err="1">
                  <a:solidFill>
                    <a:schemeClr val="bg1"/>
                  </a:solidFill>
                </a:endParaRPr>
              </a:p>
            </p:txBody>
          </p:sp>
          <p:sp>
            <p:nvSpPr>
              <p:cNvPr id="193" name="Oval 192">
                <a:extLst>
                  <a:ext uri="{FF2B5EF4-FFF2-40B4-BE49-F238E27FC236}">
                    <a16:creationId xmlns:a16="http://schemas.microsoft.com/office/drawing/2014/main" id="{C6B4CCCD-6125-7847-F5F6-8E62DDA20CDD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864258" y="2289200"/>
                <a:ext cx="318016" cy="318016"/>
              </a:xfrm>
              <a:prstGeom prst="ellipse">
                <a:avLst/>
              </a:prstGeom>
              <a:noFill/>
              <a:ln w="12700" cap="flat" cmpd="tri" algn="ctr">
                <a:solidFill>
                  <a:schemeClr val="accent1"/>
                </a:solidFill>
                <a:prstDash val="dashDot"/>
                <a:round/>
                <a:headEnd type="none" w="med" len="med"/>
                <a:tailEnd type="none" w="med" len="med"/>
                <a:extLst>
                  <a:ext uri="{C807C97D-BFC1-408E-A445-0C87EB9F89A2}">
                    <ask:lineSketchStyleProps xmlns:ask="http://schemas.microsoft.com/office/drawing/2018/sketchyshapes" sd="1219033472">
                      <a:custGeom>
                        <a:avLst/>
                        <a:gdLst>
                          <a:gd name="connsiteX0" fmla="*/ 0 w 1653046"/>
                          <a:gd name="connsiteY0" fmla="*/ 826523 h 1653046"/>
                          <a:gd name="connsiteX1" fmla="*/ 826523 w 1653046"/>
                          <a:gd name="connsiteY1" fmla="*/ 0 h 1653046"/>
                          <a:gd name="connsiteX2" fmla="*/ 1653046 w 1653046"/>
                          <a:gd name="connsiteY2" fmla="*/ 826523 h 1653046"/>
                          <a:gd name="connsiteX3" fmla="*/ 826523 w 1653046"/>
                          <a:gd name="connsiteY3" fmla="*/ 1653046 h 1653046"/>
                          <a:gd name="connsiteX4" fmla="*/ 0 w 1653046"/>
                          <a:gd name="connsiteY4" fmla="*/ 826523 h 1653046"/>
                        </a:gdLst>
                        <a:ahLst/>
                        <a:cxnLst>
                          <a:cxn ang="0">
                            <a:pos x="connsiteX0" y="connsiteY0"/>
                          </a:cxn>
                          <a:cxn ang="0">
                            <a:pos x="connsiteX1" y="connsiteY1"/>
                          </a:cxn>
                          <a:cxn ang="0">
                            <a:pos x="connsiteX2" y="connsiteY2"/>
                          </a:cxn>
                          <a:cxn ang="0">
                            <a:pos x="connsiteX3" y="connsiteY3"/>
                          </a:cxn>
                          <a:cxn ang="0">
                            <a:pos x="connsiteX4" y="connsiteY4"/>
                          </a:cxn>
                        </a:cxnLst>
                        <a:rect l="l" t="t" r="r" b="b"/>
                        <a:pathLst>
                          <a:path w="1653046" h="1653046" extrusionOk="0">
                            <a:moveTo>
                              <a:pt x="0" y="826523"/>
                            </a:moveTo>
                            <a:cubicBezTo>
                              <a:pt x="-67347" y="328506"/>
                              <a:pt x="250094" y="45020"/>
                              <a:pt x="826523" y="0"/>
                            </a:cubicBezTo>
                            <a:cubicBezTo>
                              <a:pt x="1294882" y="2502"/>
                              <a:pt x="1534548" y="373815"/>
                              <a:pt x="1653046" y="826523"/>
                            </a:cubicBezTo>
                            <a:cubicBezTo>
                              <a:pt x="1592839" y="1341795"/>
                              <a:pt x="1261235" y="1773343"/>
                              <a:pt x="826523" y="1653046"/>
                            </a:cubicBezTo>
                            <a:cubicBezTo>
                              <a:pt x="268099" y="1597268"/>
                              <a:pt x="117048" y="1338926"/>
                              <a:pt x="0" y="826523"/>
                            </a:cubicBezTo>
                            <a:close/>
                          </a:path>
                        </a:pathLst>
                      </a:custGeom>
                      <ask:type>
                        <ask:lineSketchNone/>
                      </ask:type>
                    </ask:lineSketchStyleProps>
                  </a:ext>
                </a:extLst>
              </a:ln>
              <a:effectLst/>
            </p:spPr>
            <p:txBody>
  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179996" indent="-179996">
                  <a:spcBef>
                    <a:spcPts val="800"/>
                  </a:spcBef>
                  <a:buFont typeface="Ericsson Hilda" panose="00000500000000000000" pitchFamily="2" charset="0"/>
                  <a:buChar char="●"/>
                </a:pPr>
                <a:endParaRPr lang="en-US" err="1">
                  <a:solidFill>
                    <a:schemeClr val="bg1"/>
                  </a:solidFill>
                </a:endParaRPr>
              </a:p>
            </p:txBody>
          </p:sp>
        </p:grpSp>
        <p:grpSp>
          <p:nvGrpSpPr>
            <p:cNvPr id="178" name="Group 177">
              <a:extLst>
                <a:ext uri="{FF2B5EF4-FFF2-40B4-BE49-F238E27FC236}">
                  <a16:creationId xmlns:a16="http://schemas.microsoft.com/office/drawing/2014/main" id="{421C96B6-0027-0D04-DC58-70CE961B22E2}"/>
                </a:ext>
              </a:extLst>
            </p:cNvPr>
            <p:cNvGrpSpPr/>
            <p:nvPr/>
          </p:nvGrpSpPr>
          <p:grpSpPr>
            <a:xfrm>
              <a:off x="7867030" y="2852012"/>
              <a:ext cx="318016" cy="318016"/>
              <a:chOff x="7864258" y="2289200"/>
              <a:chExt cx="318016" cy="318016"/>
            </a:xfrm>
          </p:grpSpPr>
          <p:sp>
            <p:nvSpPr>
              <p:cNvPr id="190" name="Oval 189">
                <a:extLst>
                  <a:ext uri="{FF2B5EF4-FFF2-40B4-BE49-F238E27FC236}">
                    <a16:creationId xmlns:a16="http://schemas.microsoft.com/office/drawing/2014/main" id="{8E557B28-9B64-1C60-C48E-7EBA82833C53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949243" y="2377440"/>
                <a:ext cx="148046" cy="141537"/>
              </a:xfrm>
              <a:prstGeom prst="ellipse">
                <a:avLst/>
              </a:prstGeom>
              <a:solidFill>
                <a:srgbClr val="0082F0"/>
              </a:solidFill>
              <a:ln w="12700" cap="flat" cmpd="sng" algn="ctr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179996" indent="-179996">
                  <a:spcBef>
                    <a:spcPts val="800"/>
                  </a:spcBef>
                  <a:buFont typeface="Ericsson Hilda" panose="00000500000000000000" pitchFamily="2" charset="0"/>
                  <a:buChar char="●"/>
                </a:pPr>
                <a:endParaRPr lang="en-US" err="1">
                  <a:solidFill>
                    <a:schemeClr val="bg1"/>
                  </a:solidFill>
                </a:endParaRPr>
              </a:p>
            </p:txBody>
          </p:sp>
          <p:sp>
            <p:nvSpPr>
              <p:cNvPr id="191" name="Oval 190">
                <a:extLst>
                  <a:ext uri="{FF2B5EF4-FFF2-40B4-BE49-F238E27FC236}">
                    <a16:creationId xmlns:a16="http://schemas.microsoft.com/office/drawing/2014/main" id="{80D6A1D9-D228-3234-F391-179C6CD62133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864258" y="2289200"/>
                <a:ext cx="318016" cy="318016"/>
              </a:xfrm>
              <a:prstGeom prst="ellipse">
                <a:avLst/>
              </a:prstGeom>
              <a:noFill/>
              <a:ln w="12700" cap="flat" cmpd="tri" algn="ctr">
                <a:solidFill>
                  <a:schemeClr val="accent1"/>
                </a:solidFill>
                <a:prstDash val="dashDot"/>
                <a:round/>
                <a:headEnd type="none" w="med" len="med"/>
                <a:tailEnd type="none" w="med" len="med"/>
                <a:extLst>
                  <a:ext uri="{C807C97D-BFC1-408E-A445-0C87EB9F89A2}">
                    <ask:lineSketchStyleProps xmlns:ask="http://schemas.microsoft.com/office/drawing/2018/sketchyshapes" sd="1219033472">
                      <a:custGeom>
                        <a:avLst/>
                        <a:gdLst>
                          <a:gd name="connsiteX0" fmla="*/ 0 w 1653046"/>
                          <a:gd name="connsiteY0" fmla="*/ 826523 h 1653046"/>
                          <a:gd name="connsiteX1" fmla="*/ 826523 w 1653046"/>
                          <a:gd name="connsiteY1" fmla="*/ 0 h 1653046"/>
                          <a:gd name="connsiteX2" fmla="*/ 1653046 w 1653046"/>
                          <a:gd name="connsiteY2" fmla="*/ 826523 h 1653046"/>
                          <a:gd name="connsiteX3" fmla="*/ 826523 w 1653046"/>
                          <a:gd name="connsiteY3" fmla="*/ 1653046 h 1653046"/>
                          <a:gd name="connsiteX4" fmla="*/ 0 w 1653046"/>
                          <a:gd name="connsiteY4" fmla="*/ 826523 h 1653046"/>
                        </a:gdLst>
                        <a:ahLst/>
                        <a:cxnLst>
                          <a:cxn ang="0">
                            <a:pos x="connsiteX0" y="connsiteY0"/>
                          </a:cxn>
                          <a:cxn ang="0">
                            <a:pos x="connsiteX1" y="connsiteY1"/>
                          </a:cxn>
                          <a:cxn ang="0">
                            <a:pos x="connsiteX2" y="connsiteY2"/>
                          </a:cxn>
                          <a:cxn ang="0">
                            <a:pos x="connsiteX3" y="connsiteY3"/>
                          </a:cxn>
                          <a:cxn ang="0">
                            <a:pos x="connsiteX4" y="connsiteY4"/>
                          </a:cxn>
                        </a:cxnLst>
                        <a:rect l="l" t="t" r="r" b="b"/>
                        <a:pathLst>
                          <a:path w="1653046" h="1653046" extrusionOk="0">
                            <a:moveTo>
                              <a:pt x="0" y="826523"/>
                            </a:moveTo>
                            <a:cubicBezTo>
                              <a:pt x="-67347" y="328506"/>
                              <a:pt x="250094" y="45020"/>
                              <a:pt x="826523" y="0"/>
                            </a:cubicBezTo>
                            <a:cubicBezTo>
                              <a:pt x="1294882" y="2502"/>
                              <a:pt x="1534548" y="373815"/>
                              <a:pt x="1653046" y="826523"/>
                            </a:cubicBezTo>
                            <a:cubicBezTo>
                              <a:pt x="1592839" y="1341795"/>
                              <a:pt x="1261235" y="1773343"/>
                              <a:pt x="826523" y="1653046"/>
                            </a:cubicBezTo>
                            <a:cubicBezTo>
                              <a:pt x="268099" y="1597268"/>
                              <a:pt x="117048" y="1338926"/>
                              <a:pt x="0" y="826523"/>
                            </a:cubicBezTo>
                            <a:close/>
                          </a:path>
                        </a:pathLst>
                      </a:custGeom>
                      <ask:type>
                        <ask:lineSketchNone/>
                      </ask:type>
                    </ask:lineSketchStyleProps>
                  </a:ext>
                </a:extLst>
              </a:ln>
              <a:effectLst/>
            </p:spPr>
            <p:txBody>
  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179996" indent="-179996">
                  <a:spcBef>
                    <a:spcPts val="800"/>
                  </a:spcBef>
                  <a:buFont typeface="Ericsson Hilda" panose="00000500000000000000" pitchFamily="2" charset="0"/>
                  <a:buChar char="●"/>
                </a:pPr>
                <a:endParaRPr lang="en-US" err="1">
                  <a:solidFill>
                    <a:schemeClr val="bg1"/>
                  </a:solidFill>
                </a:endParaRPr>
              </a:p>
            </p:txBody>
          </p:sp>
        </p:grpSp>
        <p:grpSp>
          <p:nvGrpSpPr>
            <p:cNvPr id="179" name="Group 178">
              <a:extLst>
                <a:ext uri="{FF2B5EF4-FFF2-40B4-BE49-F238E27FC236}">
                  <a16:creationId xmlns:a16="http://schemas.microsoft.com/office/drawing/2014/main" id="{74E5CE87-F80D-B829-4E49-E3EC6997D1E0}"/>
                </a:ext>
              </a:extLst>
            </p:cNvPr>
            <p:cNvGrpSpPr/>
            <p:nvPr/>
          </p:nvGrpSpPr>
          <p:grpSpPr>
            <a:xfrm>
              <a:off x="7277410" y="2241178"/>
              <a:ext cx="318016" cy="318016"/>
              <a:chOff x="7864258" y="2289200"/>
              <a:chExt cx="318016" cy="318016"/>
            </a:xfrm>
          </p:grpSpPr>
          <p:sp>
            <p:nvSpPr>
              <p:cNvPr id="188" name="Oval 187">
                <a:extLst>
                  <a:ext uri="{FF2B5EF4-FFF2-40B4-BE49-F238E27FC236}">
                    <a16:creationId xmlns:a16="http://schemas.microsoft.com/office/drawing/2014/main" id="{0D963A25-3A13-E710-3EFE-43904C34B8DC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949243" y="2377440"/>
                <a:ext cx="148046" cy="141537"/>
              </a:xfrm>
              <a:prstGeom prst="ellipse">
                <a:avLst/>
              </a:prstGeom>
              <a:solidFill>
                <a:srgbClr val="0082F0"/>
              </a:solidFill>
              <a:ln w="12700" cap="flat" cmpd="sng" algn="ctr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179996" indent="-179996">
                  <a:spcBef>
                    <a:spcPts val="800"/>
                  </a:spcBef>
                  <a:buFont typeface="Ericsson Hilda" panose="00000500000000000000" pitchFamily="2" charset="0"/>
                  <a:buChar char="●"/>
                </a:pPr>
                <a:endParaRPr lang="en-US" err="1">
                  <a:solidFill>
                    <a:schemeClr val="bg1"/>
                  </a:solidFill>
                </a:endParaRPr>
              </a:p>
            </p:txBody>
          </p:sp>
          <p:sp>
            <p:nvSpPr>
              <p:cNvPr id="189" name="Oval 188">
                <a:extLst>
                  <a:ext uri="{FF2B5EF4-FFF2-40B4-BE49-F238E27FC236}">
                    <a16:creationId xmlns:a16="http://schemas.microsoft.com/office/drawing/2014/main" id="{04824B8C-6CB9-9E61-E5FB-B2FFF447884E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864258" y="2289200"/>
                <a:ext cx="318016" cy="318016"/>
              </a:xfrm>
              <a:prstGeom prst="ellipse">
                <a:avLst/>
              </a:prstGeom>
              <a:noFill/>
              <a:ln w="12700" cap="flat" cmpd="tri" algn="ctr">
                <a:solidFill>
                  <a:schemeClr val="accent1"/>
                </a:solidFill>
                <a:prstDash val="dashDot"/>
                <a:round/>
                <a:headEnd type="none" w="med" len="med"/>
                <a:tailEnd type="none" w="med" len="med"/>
                <a:extLst>
                  <a:ext uri="{C807C97D-BFC1-408E-A445-0C87EB9F89A2}">
                    <ask:lineSketchStyleProps xmlns:ask="http://schemas.microsoft.com/office/drawing/2018/sketchyshapes" sd="1219033472">
                      <a:custGeom>
                        <a:avLst/>
                        <a:gdLst>
                          <a:gd name="connsiteX0" fmla="*/ 0 w 1653046"/>
                          <a:gd name="connsiteY0" fmla="*/ 826523 h 1653046"/>
                          <a:gd name="connsiteX1" fmla="*/ 826523 w 1653046"/>
                          <a:gd name="connsiteY1" fmla="*/ 0 h 1653046"/>
                          <a:gd name="connsiteX2" fmla="*/ 1653046 w 1653046"/>
                          <a:gd name="connsiteY2" fmla="*/ 826523 h 1653046"/>
                          <a:gd name="connsiteX3" fmla="*/ 826523 w 1653046"/>
                          <a:gd name="connsiteY3" fmla="*/ 1653046 h 1653046"/>
                          <a:gd name="connsiteX4" fmla="*/ 0 w 1653046"/>
                          <a:gd name="connsiteY4" fmla="*/ 826523 h 1653046"/>
                        </a:gdLst>
                        <a:ahLst/>
                        <a:cxnLst>
                          <a:cxn ang="0">
                            <a:pos x="connsiteX0" y="connsiteY0"/>
                          </a:cxn>
                          <a:cxn ang="0">
                            <a:pos x="connsiteX1" y="connsiteY1"/>
                          </a:cxn>
                          <a:cxn ang="0">
                            <a:pos x="connsiteX2" y="connsiteY2"/>
                          </a:cxn>
                          <a:cxn ang="0">
                            <a:pos x="connsiteX3" y="connsiteY3"/>
                          </a:cxn>
                          <a:cxn ang="0">
                            <a:pos x="connsiteX4" y="connsiteY4"/>
                          </a:cxn>
                        </a:cxnLst>
                        <a:rect l="l" t="t" r="r" b="b"/>
                        <a:pathLst>
                          <a:path w="1653046" h="1653046" extrusionOk="0">
                            <a:moveTo>
                              <a:pt x="0" y="826523"/>
                            </a:moveTo>
                            <a:cubicBezTo>
                              <a:pt x="-67347" y="328506"/>
                              <a:pt x="250094" y="45020"/>
                              <a:pt x="826523" y="0"/>
                            </a:cubicBezTo>
                            <a:cubicBezTo>
                              <a:pt x="1294882" y="2502"/>
                              <a:pt x="1534548" y="373815"/>
                              <a:pt x="1653046" y="826523"/>
                            </a:cubicBezTo>
                            <a:cubicBezTo>
                              <a:pt x="1592839" y="1341795"/>
                              <a:pt x="1261235" y="1773343"/>
                              <a:pt x="826523" y="1653046"/>
                            </a:cubicBezTo>
                            <a:cubicBezTo>
                              <a:pt x="268099" y="1597268"/>
                              <a:pt x="117048" y="1338926"/>
                              <a:pt x="0" y="826523"/>
                            </a:cubicBezTo>
                            <a:close/>
                          </a:path>
                        </a:pathLst>
                      </a:custGeom>
                      <ask:type>
                        <ask:lineSketchNone/>
                      </ask:type>
                    </ask:lineSketchStyleProps>
                  </a:ext>
                </a:extLst>
              </a:ln>
              <a:effectLst/>
            </p:spPr>
            <p:txBody>
  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179996" indent="-179996">
                  <a:spcBef>
                    <a:spcPts val="800"/>
                  </a:spcBef>
                  <a:buFont typeface="Ericsson Hilda" panose="00000500000000000000" pitchFamily="2" charset="0"/>
                  <a:buChar char="●"/>
                </a:pPr>
                <a:endParaRPr lang="en-US" err="1">
                  <a:solidFill>
                    <a:schemeClr val="bg1"/>
                  </a:solidFill>
                </a:endParaRPr>
              </a:p>
            </p:txBody>
          </p:sp>
        </p:grpSp>
        <p:grpSp>
          <p:nvGrpSpPr>
            <p:cNvPr id="180" name="Group 179">
              <a:extLst>
                <a:ext uri="{FF2B5EF4-FFF2-40B4-BE49-F238E27FC236}">
                  <a16:creationId xmlns:a16="http://schemas.microsoft.com/office/drawing/2014/main" id="{144085B4-2664-4894-45EC-6A1DFE014903}"/>
                </a:ext>
              </a:extLst>
            </p:cNvPr>
            <p:cNvGrpSpPr/>
            <p:nvPr/>
          </p:nvGrpSpPr>
          <p:grpSpPr>
            <a:xfrm>
              <a:off x="7413017" y="1749031"/>
              <a:ext cx="318016" cy="318016"/>
              <a:chOff x="7864258" y="2289200"/>
              <a:chExt cx="318016" cy="318016"/>
            </a:xfrm>
          </p:grpSpPr>
          <p:sp>
            <p:nvSpPr>
              <p:cNvPr id="186" name="Oval 185">
                <a:extLst>
                  <a:ext uri="{FF2B5EF4-FFF2-40B4-BE49-F238E27FC236}">
                    <a16:creationId xmlns:a16="http://schemas.microsoft.com/office/drawing/2014/main" id="{73BC3FE5-6CF3-DC37-F511-EB656FA0D124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949243" y="2377440"/>
                <a:ext cx="148046" cy="141537"/>
              </a:xfrm>
              <a:prstGeom prst="ellipse">
                <a:avLst/>
              </a:prstGeom>
              <a:solidFill>
                <a:schemeClr val="bg1">
                  <a:lumMod val="85000"/>
                </a:schemeClr>
              </a:solidFill>
              <a:ln w="12700" cap="flat" cmpd="sng" algn="ctr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179996" indent="-179996">
                  <a:spcBef>
                    <a:spcPts val="800"/>
                  </a:spcBef>
                  <a:buFont typeface="Ericsson Hilda" panose="00000500000000000000" pitchFamily="2" charset="0"/>
                  <a:buChar char="●"/>
                </a:pPr>
                <a:endParaRPr lang="en-US" err="1">
                  <a:solidFill>
                    <a:schemeClr val="bg1"/>
                  </a:solidFill>
                </a:endParaRPr>
              </a:p>
            </p:txBody>
          </p:sp>
          <p:sp>
            <p:nvSpPr>
              <p:cNvPr id="187" name="Oval 186">
                <a:extLst>
                  <a:ext uri="{FF2B5EF4-FFF2-40B4-BE49-F238E27FC236}">
                    <a16:creationId xmlns:a16="http://schemas.microsoft.com/office/drawing/2014/main" id="{BE327FAF-1F46-4E68-31D9-45D8A99F2996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864258" y="2289200"/>
                <a:ext cx="318016" cy="318016"/>
              </a:xfrm>
              <a:prstGeom prst="ellipse">
                <a:avLst/>
              </a:prstGeom>
              <a:noFill/>
              <a:ln w="12700" cap="flat" cmpd="tri" algn="ctr">
                <a:solidFill>
                  <a:schemeClr val="accent1"/>
                </a:solidFill>
                <a:prstDash val="dashDot"/>
                <a:round/>
                <a:headEnd type="none" w="med" len="med"/>
                <a:tailEnd type="none" w="med" len="med"/>
                <a:extLst>
                  <a:ext uri="{C807C97D-BFC1-408E-A445-0C87EB9F89A2}">
                    <ask:lineSketchStyleProps xmlns:ask="http://schemas.microsoft.com/office/drawing/2018/sketchyshapes" sd="1219033472">
                      <a:custGeom>
                        <a:avLst/>
                        <a:gdLst>
                          <a:gd name="connsiteX0" fmla="*/ 0 w 1653046"/>
                          <a:gd name="connsiteY0" fmla="*/ 826523 h 1653046"/>
                          <a:gd name="connsiteX1" fmla="*/ 826523 w 1653046"/>
                          <a:gd name="connsiteY1" fmla="*/ 0 h 1653046"/>
                          <a:gd name="connsiteX2" fmla="*/ 1653046 w 1653046"/>
                          <a:gd name="connsiteY2" fmla="*/ 826523 h 1653046"/>
                          <a:gd name="connsiteX3" fmla="*/ 826523 w 1653046"/>
                          <a:gd name="connsiteY3" fmla="*/ 1653046 h 1653046"/>
                          <a:gd name="connsiteX4" fmla="*/ 0 w 1653046"/>
                          <a:gd name="connsiteY4" fmla="*/ 826523 h 1653046"/>
                        </a:gdLst>
                        <a:ahLst/>
                        <a:cxnLst>
                          <a:cxn ang="0">
                            <a:pos x="connsiteX0" y="connsiteY0"/>
                          </a:cxn>
                          <a:cxn ang="0">
                            <a:pos x="connsiteX1" y="connsiteY1"/>
                          </a:cxn>
                          <a:cxn ang="0">
                            <a:pos x="connsiteX2" y="connsiteY2"/>
                          </a:cxn>
                          <a:cxn ang="0">
                            <a:pos x="connsiteX3" y="connsiteY3"/>
                          </a:cxn>
                          <a:cxn ang="0">
                            <a:pos x="connsiteX4" y="connsiteY4"/>
                          </a:cxn>
                        </a:cxnLst>
                        <a:rect l="l" t="t" r="r" b="b"/>
                        <a:pathLst>
                          <a:path w="1653046" h="1653046" extrusionOk="0">
                            <a:moveTo>
                              <a:pt x="0" y="826523"/>
                            </a:moveTo>
                            <a:cubicBezTo>
                              <a:pt x="-67347" y="328506"/>
                              <a:pt x="250094" y="45020"/>
                              <a:pt x="826523" y="0"/>
                            </a:cubicBezTo>
                            <a:cubicBezTo>
                              <a:pt x="1294882" y="2502"/>
                              <a:pt x="1534548" y="373815"/>
                              <a:pt x="1653046" y="826523"/>
                            </a:cubicBezTo>
                            <a:cubicBezTo>
                              <a:pt x="1592839" y="1341795"/>
                              <a:pt x="1261235" y="1773343"/>
                              <a:pt x="826523" y="1653046"/>
                            </a:cubicBezTo>
                            <a:cubicBezTo>
                              <a:pt x="268099" y="1597268"/>
                              <a:pt x="117048" y="1338926"/>
                              <a:pt x="0" y="826523"/>
                            </a:cubicBezTo>
                            <a:close/>
                          </a:path>
                        </a:pathLst>
                      </a:custGeom>
                      <ask:type>
                        <ask:lineSketchNone/>
                      </ask:type>
                    </ask:lineSketchStyleProps>
                  </a:ext>
                </a:extLst>
              </a:ln>
              <a:effectLst/>
            </p:spPr>
            <p:txBody>
  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179996" indent="-179996">
                  <a:spcBef>
                    <a:spcPts val="800"/>
                  </a:spcBef>
                  <a:buFont typeface="Ericsson Hilda" panose="00000500000000000000" pitchFamily="2" charset="0"/>
                  <a:buChar char="●"/>
                </a:pPr>
                <a:endParaRPr lang="en-US" err="1">
                  <a:solidFill>
                    <a:schemeClr val="bg1"/>
                  </a:solidFill>
                </a:endParaRPr>
              </a:p>
            </p:txBody>
          </p:sp>
        </p:grpSp>
        <p:cxnSp>
          <p:nvCxnSpPr>
            <p:cNvPr id="181" name="Straight Connector 180">
              <a:extLst>
                <a:ext uri="{FF2B5EF4-FFF2-40B4-BE49-F238E27FC236}">
                  <a16:creationId xmlns:a16="http://schemas.microsoft.com/office/drawing/2014/main" id="{93CE82E2-B12B-DEEC-D914-CBF778650FF6}"/>
                </a:ext>
              </a:extLst>
            </p:cNvPr>
            <p:cNvCxnSpPr>
              <a:stCxn id="197" idx="7"/>
              <a:endCxn id="195" idx="3"/>
            </p:cNvCxnSpPr>
            <p:nvPr/>
          </p:nvCxnSpPr>
          <p:spPr bwMode="auto">
            <a:xfrm flipV="1">
              <a:off x="8135702" y="2070474"/>
              <a:ext cx="290573" cy="265298"/>
            </a:xfrm>
            <a:prstGeom prst="line">
              <a:avLst/>
            </a:prstGeom>
            <a:solidFill>
              <a:schemeClr val="accent1"/>
            </a:solidFill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  <p:cxnSp>
          <p:nvCxnSpPr>
            <p:cNvPr id="182" name="Straight Connector 181">
              <a:extLst>
                <a:ext uri="{FF2B5EF4-FFF2-40B4-BE49-F238E27FC236}">
                  <a16:creationId xmlns:a16="http://schemas.microsoft.com/office/drawing/2014/main" id="{F7A9A6BE-DDF6-A395-3CF3-06D5FCA42770}"/>
                </a:ext>
              </a:extLst>
            </p:cNvPr>
            <p:cNvCxnSpPr>
              <a:stCxn id="197" idx="2"/>
              <a:endCxn id="189" idx="6"/>
            </p:cNvCxnSpPr>
            <p:nvPr/>
          </p:nvCxnSpPr>
          <p:spPr bwMode="auto">
            <a:xfrm flipH="1" flipV="1">
              <a:off x="7595426" y="2400186"/>
              <a:ext cx="268832" cy="48022"/>
            </a:xfrm>
            <a:prstGeom prst="line">
              <a:avLst/>
            </a:prstGeom>
            <a:solidFill>
              <a:schemeClr val="accent1"/>
            </a:solidFill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  <p:cxnSp>
          <p:nvCxnSpPr>
            <p:cNvPr id="183" name="Straight Connector 182">
              <a:extLst>
                <a:ext uri="{FF2B5EF4-FFF2-40B4-BE49-F238E27FC236}">
                  <a16:creationId xmlns:a16="http://schemas.microsoft.com/office/drawing/2014/main" id="{2FBE0031-24DA-E553-21AD-2386C2D77974}"/>
                </a:ext>
              </a:extLst>
            </p:cNvPr>
            <p:cNvCxnSpPr>
              <a:stCxn id="197" idx="4"/>
              <a:endCxn id="191" idx="0"/>
            </p:cNvCxnSpPr>
            <p:nvPr/>
          </p:nvCxnSpPr>
          <p:spPr bwMode="auto">
            <a:xfrm>
              <a:off x="8023266" y="2607216"/>
              <a:ext cx="2772" cy="244796"/>
            </a:xfrm>
            <a:prstGeom prst="line">
              <a:avLst/>
            </a:prstGeom>
            <a:solidFill>
              <a:schemeClr val="accent1"/>
            </a:solidFill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  <p:cxnSp>
          <p:nvCxnSpPr>
            <p:cNvPr id="184" name="Straight Connector 183">
              <a:extLst>
                <a:ext uri="{FF2B5EF4-FFF2-40B4-BE49-F238E27FC236}">
                  <a16:creationId xmlns:a16="http://schemas.microsoft.com/office/drawing/2014/main" id="{3C911883-8EAB-8994-914B-722CACE17D39}"/>
                </a:ext>
              </a:extLst>
            </p:cNvPr>
            <p:cNvCxnSpPr>
              <a:cxnSpLocks/>
              <a:stCxn id="197" idx="6"/>
              <a:endCxn id="193" idx="2"/>
            </p:cNvCxnSpPr>
            <p:nvPr/>
          </p:nvCxnSpPr>
          <p:spPr bwMode="auto">
            <a:xfrm>
              <a:off x="8182274" y="2448208"/>
              <a:ext cx="268832" cy="0"/>
            </a:xfrm>
            <a:prstGeom prst="line">
              <a:avLst/>
            </a:prstGeom>
            <a:solidFill>
              <a:schemeClr val="accent1"/>
            </a:solidFill>
            <a:ln w="12700" cap="flat" cmpd="sng" algn="ctr">
              <a:solidFill>
                <a:schemeClr val="bg1">
                  <a:lumMod val="85000"/>
                </a:schemeClr>
              </a:solidFill>
              <a:prstDash val="sysDot"/>
              <a:round/>
              <a:headEnd type="none" w="med" len="med"/>
              <a:tailEnd type="none"/>
            </a:ln>
            <a:effectLst/>
          </p:spPr>
        </p:cxnSp>
        <p:cxnSp>
          <p:nvCxnSpPr>
            <p:cNvPr id="185" name="Straight Connector 184">
              <a:extLst>
                <a:ext uri="{FF2B5EF4-FFF2-40B4-BE49-F238E27FC236}">
                  <a16:creationId xmlns:a16="http://schemas.microsoft.com/office/drawing/2014/main" id="{9ECB83AF-F0F4-1207-8B9F-E6336606751B}"/>
                </a:ext>
              </a:extLst>
            </p:cNvPr>
            <p:cNvCxnSpPr>
              <a:stCxn id="197" idx="1"/>
              <a:endCxn id="187" idx="5"/>
            </p:cNvCxnSpPr>
            <p:nvPr/>
          </p:nvCxnSpPr>
          <p:spPr bwMode="auto">
            <a:xfrm flipH="1" flipV="1">
              <a:off x="7684461" y="2020475"/>
              <a:ext cx="226369" cy="315297"/>
            </a:xfrm>
            <a:prstGeom prst="line">
              <a:avLst/>
            </a:prstGeom>
            <a:solidFill>
              <a:schemeClr val="accent1"/>
            </a:solidFill>
            <a:ln w="12700" cap="flat" cmpd="sng" algn="ctr">
              <a:solidFill>
                <a:schemeClr val="bg1">
                  <a:lumMod val="85000"/>
                </a:schemeClr>
              </a:solidFill>
              <a:prstDash val="sysDash"/>
              <a:round/>
              <a:headEnd type="none" w="med" len="med"/>
              <a:tailEnd type="none"/>
            </a:ln>
            <a:effectLst/>
          </p:spPr>
        </p:cxnSp>
      </p:grpSp>
      <p:sp>
        <p:nvSpPr>
          <p:cNvPr id="198" name="TextBox 197">
            <a:extLst>
              <a:ext uri="{FF2B5EF4-FFF2-40B4-BE49-F238E27FC236}">
                <a16:creationId xmlns:a16="http://schemas.microsoft.com/office/drawing/2014/main" id="{D2F7C6D9-96AD-24F2-7812-412011511ADB}"/>
              </a:ext>
            </a:extLst>
          </p:cNvPr>
          <p:cNvSpPr txBox="1"/>
          <p:nvPr/>
        </p:nvSpPr>
        <p:spPr>
          <a:xfrm>
            <a:off x="4579435" y="2721474"/>
            <a:ext cx="331864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ES" dirty="0" err="1"/>
              <a:t>Trained</a:t>
            </a:r>
            <a:r>
              <a:rPr lang="es-ES" dirty="0"/>
              <a:t> GNN </a:t>
            </a:r>
            <a:r>
              <a:rPr lang="es-ES" dirty="0" err="1"/>
              <a:t>Model</a:t>
            </a:r>
            <a:endParaRPr lang="es-ES" dirty="0"/>
          </a:p>
        </p:txBody>
      </p:sp>
      <p:pic>
        <p:nvPicPr>
          <p:cNvPr id="199" name="Graphic 198" descr="Cell Tower with solid fill">
            <a:extLst>
              <a:ext uri="{FF2B5EF4-FFF2-40B4-BE49-F238E27FC236}">
                <a16:creationId xmlns:a16="http://schemas.microsoft.com/office/drawing/2014/main" id="{FD94A006-C113-00CB-A06E-713F07F0FECC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52094" y="3291316"/>
            <a:ext cx="505656" cy="542127"/>
          </a:xfrm>
          <a:prstGeom prst="rect">
            <a:avLst/>
          </a:prstGeom>
        </p:spPr>
      </p:pic>
      <p:pic>
        <p:nvPicPr>
          <p:cNvPr id="200" name="Graphic 199" descr="Cell Tower with solid fill">
            <a:extLst>
              <a:ext uri="{FF2B5EF4-FFF2-40B4-BE49-F238E27FC236}">
                <a16:creationId xmlns:a16="http://schemas.microsoft.com/office/drawing/2014/main" id="{DBAF1938-62C4-4B65-3B00-993FEF8520B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288954" y="4456464"/>
            <a:ext cx="505656" cy="542127"/>
          </a:xfrm>
          <a:prstGeom prst="rect">
            <a:avLst/>
          </a:prstGeom>
        </p:spPr>
      </p:pic>
      <p:pic>
        <p:nvPicPr>
          <p:cNvPr id="201" name="Graphic 200" descr="Cell Tower with solid fill">
            <a:extLst>
              <a:ext uri="{FF2B5EF4-FFF2-40B4-BE49-F238E27FC236}">
                <a16:creationId xmlns:a16="http://schemas.microsoft.com/office/drawing/2014/main" id="{223B5890-2802-25E3-49F2-4523CB5722A2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2234382" y="3602579"/>
            <a:ext cx="505656" cy="542127"/>
          </a:xfrm>
          <a:prstGeom prst="rect">
            <a:avLst/>
          </a:prstGeom>
        </p:spPr>
      </p:pic>
      <p:pic>
        <p:nvPicPr>
          <p:cNvPr id="202" name="Graphic 201" descr="Cell Tower with solid fill">
            <a:extLst>
              <a:ext uri="{FF2B5EF4-FFF2-40B4-BE49-F238E27FC236}">
                <a16:creationId xmlns:a16="http://schemas.microsoft.com/office/drawing/2014/main" id="{DE040A10-56EA-AE98-67A7-0EBF0A8513F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0832068" y="4676112"/>
            <a:ext cx="505656" cy="542127"/>
          </a:xfrm>
          <a:prstGeom prst="rect">
            <a:avLst/>
          </a:prstGeom>
        </p:spPr>
      </p:pic>
      <p:pic>
        <p:nvPicPr>
          <p:cNvPr id="203" name="Graphic 202" descr="Cell Tower with solid fill">
            <a:extLst>
              <a:ext uri="{FF2B5EF4-FFF2-40B4-BE49-F238E27FC236}">
                <a16:creationId xmlns:a16="http://schemas.microsoft.com/office/drawing/2014/main" id="{300D6D3B-7DAE-69BA-9A1F-D61A15D7781E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9847174" y="3622086"/>
            <a:ext cx="505656" cy="542127"/>
          </a:xfrm>
          <a:prstGeom prst="rect">
            <a:avLst/>
          </a:prstGeom>
        </p:spPr>
      </p:pic>
      <p:pic>
        <p:nvPicPr>
          <p:cNvPr id="204" name="Graphic 203" descr="Cell Tower with solid fill">
            <a:extLst>
              <a:ext uri="{FF2B5EF4-FFF2-40B4-BE49-F238E27FC236}">
                <a16:creationId xmlns:a16="http://schemas.microsoft.com/office/drawing/2014/main" id="{E560122C-A4FE-0937-5910-854A0A45CFB0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908430" y="3301979"/>
            <a:ext cx="505656" cy="542127"/>
          </a:xfrm>
          <a:prstGeom prst="rect">
            <a:avLst/>
          </a:prstGeom>
        </p:spPr>
      </p:pic>
      <p:pic>
        <p:nvPicPr>
          <p:cNvPr id="205" name="Graphic 204" descr="Cell Tower with solid fill">
            <a:extLst>
              <a:ext uri="{FF2B5EF4-FFF2-40B4-BE49-F238E27FC236}">
                <a16:creationId xmlns:a16="http://schemas.microsoft.com/office/drawing/2014/main" id="{8ED86644-6F2B-5C7E-DE3C-5BCDBC2BED75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044292" y="3808735"/>
            <a:ext cx="505656" cy="542127"/>
          </a:xfrm>
          <a:prstGeom prst="rect">
            <a:avLst/>
          </a:prstGeom>
        </p:spPr>
      </p:pic>
      <p:pic>
        <p:nvPicPr>
          <p:cNvPr id="206" name="Graphic 205" descr="Cell Tower with solid fill">
            <a:extLst>
              <a:ext uri="{FF2B5EF4-FFF2-40B4-BE49-F238E27FC236}">
                <a16:creationId xmlns:a16="http://schemas.microsoft.com/office/drawing/2014/main" id="{41B20F42-B367-81D4-1685-38F6C94FD6A2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267676" y="4643506"/>
            <a:ext cx="505656" cy="542127"/>
          </a:xfrm>
          <a:prstGeom prst="rect">
            <a:avLst/>
          </a:prstGeom>
        </p:spPr>
      </p:pic>
      <p:pic>
        <p:nvPicPr>
          <p:cNvPr id="207" name="Graphic 206" descr="Cell Tower with solid fill">
            <a:extLst>
              <a:ext uri="{FF2B5EF4-FFF2-40B4-BE49-F238E27FC236}">
                <a16:creationId xmlns:a16="http://schemas.microsoft.com/office/drawing/2014/main" id="{6B706FAB-2896-6F71-3A4B-A5AA6E831C1F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692975" y="2372258"/>
            <a:ext cx="505656" cy="542127"/>
          </a:xfrm>
          <a:prstGeom prst="rect">
            <a:avLst/>
          </a:prstGeom>
        </p:spPr>
      </p:pic>
      <p:pic>
        <p:nvPicPr>
          <p:cNvPr id="208" name="Graphic 207" descr="Cell Tower with solid fill">
            <a:extLst>
              <a:ext uri="{FF2B5EF4-FFF2-40B4-BE49-F238E27FC236}">
                <a16:creationId xmlns:a16="http://schemas.microsoft.com/office/drawing/2014/main" id="{D473F1BD-AB12-F03E-5AD4-9134F843730A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0940372" y="2495610"/>
            <a:ext cx="505656" cy="542127"/>
          </a:xfrm>
          <a:prstGeom prst="rect">
            <a:avLst/>
          </a:prstGeom>
        </p:spPr>
      </p:pic>
      <p:pic>
        <p:nvPicPr>
          <p:cNvPr id="209" name="Graphic 208" descr="Cell Tower with solid fill">
            <a:extLst>
              <a:ext uri="{FF2B5EF4-FFF2-40B4-BE49-F238E27FC236}">
                <a16:creationId xmlns:a16="http://schemas.microsoft.com/office/drawing/2014/main" id="{054AD2E1-E4F4-0949-B9F6-7234D04167AA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9215824" y="2344940"/>
            <a:ext cx="505656" cy="542127"/>
          </a:xfrm>
          <a:prstGeom prst="rect">
            <a:avLst/>
          </a:prstGeom>
        </p:spPr>
      </p:pic>
      <p:pic>
        <p:nvPicPr>
          <p:cNvPr id="210" name="Graphic 209" descr="Cell Tower with solid fill">
            <a:extLst>
              <a:ext uri="{FF2B5EF4-FFF2-40B4-BE49-F238E27FC236}">
                <a16:creationId xmlns:a16="http://schemas.microsoft.com/office/drawing/2014/main" id="{58F2B6D1-CCEA-E45C-C825-309448D639CF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622715" y="3757072"/>
            <a:ext cx="505656" cy="542127"/>
          </a:xfrm>
          <a:prstGeom prst="rect">
            <a:avLst/>
          </a:prstGeom>
        </p:spPr>
      </p:pic>
      <p:pic>
        <p:nvPicPr>
          <p:cNvPr id="211" name="Graphic 210" descr="Cell Tower with solid fill">
            <a:extLst>
              <a:ext uri="{FF2B5EF4-FFF2-40B4-BE49-F238E27FC236}">
                <a16:creationId xmlns:a16="http://schemas.microsoft.com/office/drawing/2014/main" id="{97C0505F-8710-1C1C-DF71-C211E2813BA4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8807594" y="4542259"/>
            <a:ext cx="505656" cy="542127"/>
          </a:xfrm>
          <a:prstGeom prst="rect">
            <a:avLst/>
          </a:prstGeom>
        </p:spPr>
      </p:pic>
      <p:pic>
        <p:nvPicPr>
          <p:cNvPr id="212" name="Graphic 211" descr="Cell Tower with solid fill">
            <a:extLst>
              <a:ext uri="{FF2B5EF4-FFF2-40B4-BE49-F238E27FC236}">
                <a16:creationId xmlns:a16="http://schemas.microsoft.com/office/drawing/2014/main" id="{373250C7-4EC2-C5B1-836F-91700359C65A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467012" y="2498394"/>
            <a:ext cx="505656" cy="54212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6511638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8" grpId="0"/>
      <p:bldP spid="125" grpId="0"/>
      <p:bldP spid="172" grpId="0" animBg="1"/>
    </p:bld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DE0EE4F-3000-927C-3CDB-6296960C4C7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eferenc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EE58850-F4A1-D07C-0233-D4EE5758F0A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https://pytorch-geometric.readthedocs.io/en/latest/</a:t>
            </a:r>
          </a:p>
          <a:p>
            <a:r>
              <a:rPr lang="en-US" dirty="0"/>
              <a:t>https://graph-neural-networks.github.io/</a:t>
            </a:r>
          </a:p>
          <a:p>
            <a:r>
              <a:rPr lang="en-US" dirty="0"/>
              <a:t>https://medium.com/towards-data-science/do-we-need-deep-graph-neural-networks-be62d3ec5c59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42548179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Background pattern&#10;&#10;Description automatically generated with medium confidence">
            <a:extLst>
              <a:ext uri="{FF2B5EF4-FFF2-40B4-BE49-F238E27FC236}">
                <a16:creationId xmlns:a16="http://schemas.microsoft.com/office/drawing/2014/main" id="{39B628E1-BFC8-940F-19C5-7CC8A17236D7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6" name="Picture 2" descr="Ericsson logo in transparent PNG and vectorized SVG formats">
            <a:extLst>
              <a:ext uri="{FF2B5EF4-FFF2-40B4-BE49-F238E27FC236}">
                <a16:creationId xmlns:a16="http://schemas.microsoft.com/office/drawing/2014/main" id="{8C235722-54FE-A752-441A-E6442002CDE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525315" y="2655191"/>
            <a:ext cx="1141369" cy="154761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04549669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8C80E2B-E7C0-DE19-EF90-2BFB2DA5B6C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lassical Neural Networks</a:t>
            </a:r>
          </a:p>
        </p:txBody>
      </p:sp>
      <p:pic>
        <p:nvPicPr>
          <p:cNvPr id="4098" name="Picture 2" descr="Neural networks – TikZ.net">
            <a:extLst>
              <a:ext uri="{FF2B5EF4-FFF2-40B4-BE49-F238E27FC236}">
                <a16:creationId xmlns:a16="http://schemas.microsoft.com/office/drawing/2014/main" id="{282CDCBD-DD81-7C81-1545-33645A5226F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433157" y="1835378"/>
            <a:ext cx="5325686" cy="37990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97358708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428CC4-BCB9-CF6F-3B85-8CF76EAC23F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hat is a Graph?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775648F1-776B-381E-0A83-ECA86CCEF714}"/>
              </a:ext>
            </a:extLst>
          </p:cNvPr>
          <p:cNvPicPr>
            <a:picLocks noChangeAspect="1"/>
          </p:cNvPicPr>
          <p:nvPr/>
        </p:nvPicPr>
        <p:blipFill>
          <a:blip r:embed="rId2">
            <a:biLevel thresh="75000"/>
          </a:blip>
          <a:srcRect l="22096" t="61465" r="23854"/>
          <a:stretch/>
        </p:blipFill>
        <p:spPr>
          <a:xfrm>
            <a:off x="7219604" y="3178106"/>
            <a:ext cx="3994266" cy="1727916"/>
          </a:xfrm>
          <a:prstGeom prst="rect">
            <a:avLst/>
          </a:prstGeom>
        </p:spPr>
      </p:pic>
      <p:pic>
        <p:nvPicPr>
          <p:cNvPr id="7" name="Picture 6" descr="A screen shot of a computer program&#10;&#10;Description automatically generated">
            <a:extLst>
              <a:ext uri="{FF2B5EF4-FFF2-40B4-BE49-F238E27FC236}">
                <a16:creationId xmlns:a16="http://schemas.microsoft.com/office/drawing/2014/main" id="{B10BD88C-136D-5A58-B042-7034E81BC7A6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3574" y="2327564"/>
            <a:ext cx="5632426" cy="3429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0493393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36" name="Picture 12" descr="Graph Convolutional Networks | Towards Data Science">
            <a:extLst>
              <a:ext uri="{FF2B5EF4-FFF2-40B4-BE49-F238E27FC236}">
                <a16:creationId xmlns:a16="http://schemas.microsoft.com/office/drawing/2014/main" id="{72AF0A2B-EBD1-3DAB-D2F8-7BF8FB53127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biLevel thresh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164883" y="842975"/>
            <a:ext cx="7862234" cy="51720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4907883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C8BD817-E005-6A28-A16C-D8E49535C84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essage Passing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9FD0CFBC-41B3-25DB-8EE7-345A07B6241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24196" y="2046647"/>
            <a:ext cx="6059373" cy="3517468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884D4DAB-104E-F7E2-D623-E2890242BFB6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 r="16486"/>
          <a:stretch/>
        </p:blipFill>
        <p:spPr>
          <a:xfrm>
            <a:off x="6799643" y="3165301"/>
            <a:ext cx="4863702" cy="12801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4084154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ECB7AE7-7E59-6681-05F5-63E56DD98B4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essage Passing</a:t>
            </a:r>
          </a:p>
        </p:txBody>
      </p:sp>
      <p:pic>
        <p:nvPicPr>
          <p:cNvPr id="2050" name="Picture 2">
            <a:extLst>
              <a:ext uri="{FF2B5EF4-FFF2-40B4-BE49-F238E27FC236}">
                <a16:creationId xmlns:a16="http://schemas.microsoft.com/office/drawing/2014/main" id="{726E58A9-1AE6-DDA8-D91F-3FB7770ACC4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95313" y="1081088"/>
            <a:ext cx="11001375" cy="46958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92777948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BE0FCF7-1DD4-C0D3-4810-82A0AC336CD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Frameworks</a:t>
            </a:r>
          </a:p>
        </p:txBody>
      </p:sp>
      <p:pic>
        <p:nvPicPr>
          <p:cNvPr id="2050" name="Picture 2" descr="GitHub - dmlc/dgl: Python package built to ease deep learning on graph, on  top of existing DL frameworks.">
            <a:extLst>
              <a:ext uri="{FF2B5EF4-FFF2-40B4-BE49-F238E27FC236}">
                <a16:creationId xmlns:a16="http://schemas.microsoft.com/office/drawing/2014/main" id="{D5ECD479-A582-A70D-7EE2-BCEED5582A5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36651" y="1919151"/>
            <a:ext cx="6478756" cy="201870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6" name="Picture 8" descr="GitHub - danielegrattarola/spektral: Graph Neural Networks with Keras and  Tensorflow 2.">
            <a:extLst>
              <a:ext uri="{FF2B5EF4-FFF2-40B4-BE49-F238E27FC236}">
                <a16:creationId xmlns:a16="http://schemas.microsoft.com/office/drawing/2014/main" id="{3269B665-A407-D2DF-1B7C-252CC45AF2C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3660957"/>
            <a:ext cx="5822220" cy="291111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8" name="Picture 10" descr="PyTorch Geometric External Library">
            <a:extLst>
              <a:ext uri="{FF2B5EF4-FFF2-40B4-BE49-F238E27FC236}">
                <a16:creationId xmlns:a16="http://schemas.microsoft.com/office/drawing/2014/main" id="{A66BACE3-4ABF-3D96-6F38-DA7F6D3BC0E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704744" y="1998034"/>
            <a:ext cx="4213476" cy="421347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70813977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3149E1A-50E1-308A-C908-C4DF15F69F9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Frameworks – </a:t>
            </a:r>
            <a:r>
              <a:rPr lang="en-US" dirty="0" err="1"/>
              <a:t>PyTorch</a:t>
            </a:r>
            <a:r>
              <a:rPr lang="en-US" dirty="0"/>
              <a:t> Geometric</a:t>
            </a:r>
          </a:p>
        </p:txBody>
      </p:sp>
      <p:pic>
        <p:nvPicPr>
          <p:cNvPr id="4" name="Picture 3" descr="A computer screen shot of a program code&#10;&#10;Description automatically generated">
            <a:extLst>
              <a:ext uri="{FF2B5EF4-FFF2-40B4-BE49-F238E27FC236}">
                <a16:creationId xmlns:a16="http://schemas.microsoft.com/office/drawing/2014/main" id="{D70E7917-AAFA-BC10-EA57-2BC7C15BC0A1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98654" y="2609630"/>
            <a:ext cx="4697984" cy="3108960"/>
          </a:xfrm>
          <a:prstGeom prst="rect">
            <a:avLst/>
          </a:prstGeom>
        </p:spPr>
      </p:pic>
      <p:pic>
        <p:nvPicPr>
          <p:cNvPr id="5" name="Picture 2" descr="Artificial Neural Network Modelling An Introduction">
            <a:extLst>
              <a:ext uri="{FF2B5EF4-FFF2-40B4-BE49-F238E27FC236}">
                <a16:creationId xmlns:a16="http://schemas.microsoft.com/office/drawing/2014/main" id="{AF0A25A1-DF5A-8A68-ADFA-2CC24770874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6375"/>
          <a:stretch/>
        </p:blipFill>
        <p:spPr bwMode="auto">
          <a:xfrm>
            <a:off x="616009" y="3063180"/>
            <a:ext cx="6368521" cy="245756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0642016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AB1WwThpRzCJ81zv9Sor1Q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rboycpbcRQKV.kcVtHP8Xw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zOruydkVSfmc3s5RwcMDDg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TrrnCUyXTJC6yU3zoRGxAw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y6XFqgehTTK3rHwWHnTGhw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iOBrI8i3QU6G1aTo11e4vQ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iOBrI8i3QU6G1aTo11e4vQ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CrRJtcxQR.6yVGd6mOjTJw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dZqnPOw7TZ6aM20URuer2A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tIRFcLw8RDi7SILoFNMqWQ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1Z2uYXleTbW.hcCVuIOJ.A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AB1WwThpRzCJ81zv9Sor1Q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rboycpbcRQKV.kcVtHP8Xw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zOruydkVSfmc3s5RwcMDDg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TrrnCUyXTJC6yU3zoRGxAw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y6XFqgehTTK3rHwWHnTGhw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iOBrI8i3QU6G1aTo11e4vQ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CrRJtcxQR.6yVGd6mOjTJw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035469078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yNzSDrGIT5SUl.SQtAzfmg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tIRFcLw8RDi7SILoFNMqWQ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1Z2uYXleTbW.hcCVuIOJ.A"/>
</p:tagLst>
</file>

<file path=ppt/theme/theme1.xml><?xml version="1.0" encoding="utf-8"?>
<a:theme xmlns:a="http://schemas.openxmlformats.org/drawingml/2006/main" name="PresentationTemplate2021">
  <a:themeElements>
    <a:clrScheme name="Ericsson">
      <a:dk1>
        <a:srgbClr val="181818"/>
      </a:dk1>
      <a:lt1>
        <a:srgbClr val="FFFFFF"/>
      </a:lt1>
      <a:dk2>
        <a:srgbClr val="181818"/>
      </a:dk2>
      <a:lt2>
        <a:srgbClr val="E0E0E0"/>
      </a:lt2>
      <a:accent1>
        <a:srgbClr val="0082F0"/>
      </a:accent1>
      <a:accent2>
        <a:srgbClr val="0FC373"/>
      </a:accent2>
      <a:accent3>
        <a:srgbClr val="AF78D2"/>
      </a:accent3>
      <a:accent4>
        <a:srgbClr val="FAD22D"/>
      </a:accent4>
      <a:accent5>
        <a:srgbClr val="FF8C0A"/>
      </a:accent5>
      <a:accent6>
        <a:srgbClr val="FF3232"/>
      </a:accent6>
      <a:hlink>
        <a:srgbClr val="0082F0"/>
      </a:hlink>
      <a:folHlink>
        <a:srgbClr val="040969"/>
      </a:folHlink>
    </a:clrScheme>
    <a:fontScheme name="Ericsson">
      <a:majorFont>
        <a:latin typeface="Ericsson Hilda Light"/>
        <a:ea typeface=""/>
        <a:cs typeface=""/>
      </a:majorFont>
      <a:minorFont>
        <a:latin typeface="Ericsson Hild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1"/>
        </a:solidFill>
        <a:ln w="12700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<a:prstTxWarp prst="textNoShape">
          <a:avLst/>
        </a:prstTxWarp>
        <a:noAutofit/>
      </a:bodyPr>
      <a:lstStyle>
        <a:defPPr marL="180000" indent="-180000" algn="l">
          <a:spcBef>
            <a:spcPts val="800"/>
          </a:spcBef>
          <a:buFont typeface="Ericsson Hilda" panose="00000500000000000000" pitchFamily="2" charset="0"/>
          <a:buChar char="●"/>
          <a:defRPr dirty="0" err="1" smtClean="0">
            <a:solidFill>
              <a:srgbClr val="FFFFFF"/>
            </a:solidFill>
            <a:latin typeface="+mn-lt"/>
          </a:defRPr>
        </a:defPPr>
      </a:lstStyle>
    </a:spDef>
    <a:lnDef>
      <a:spPr bwMode="auto">
        <a:solidFill>
          <a:schemeClr val="accent1"/>
        </a:solidFill>
        <a:ln w="12700" cap="flat" cmpd="sng" algn="ctr">
          <a:solidFill>
            <a:schemeClr val="tx1"/>
          </a:solidFill>
          <a:prstDash val="solid"/>
          <a:round/>
          <a:headEnd type="none" w="med" len="med"/>
          <a:tailEnd type="none"/>
        </a:ln>
        <a:effectLst/>
      </a:spPr>
      <a:bodyPr/>
      <a:lstStyle/>
    </a:lnDef>
    <a:txDef>
      <a:spPr/>
      <a:bodyPr vert="horz" wrap="square" lIns="72000" tIns="36000" rIns="72000" bIns="36000" rtlCol="0" anchor="t">
        <a:noAutofit/>
      </a:bodyPr>
      <a:lstStyle>
        <a:defPPr marL="180000" marR="0" indent="-180000" algn="l" defTabSz="914400" rtl="0" eaLnBrk="1" fontAlgn="base" latinLnBrk="0" hangingPunct="1">
          <a:lnSpc>
            <a:spcPct val="100000"/>
          </a:lnSpc>
          <a:spcBef>
            <a:spcPts val="800"/>
          </a:spcBef>
          <a:spcAft>
            <a:spcPct val="0"/>
          </a:spcAft>
          <a:buClrTx/>
          <a:buSzTx/>
          <a:buFont typeface="Ericsson Hilda" panose="00000500000000000000" pitchFamily="2" charset="0"/>
          <a:buChar char="●"/>
          <a:tabLst/>
          <a:defRPr kumimoji="0" sz="2000" b="0" i="0" u="none" strike="noStrike" kern="1000" cap="none" spc="-30" normalizeH="0" baseline="0" noProof="0" dirty="0" smtClean="0">
            <a:ln>
              <a:noFill/>
            </a:ln>
            <a:solidFill>
              <a:schemeClr val="tx1"/>
            </a:solidFill>
            <a:effectLst/>
            <a:uLnTx/>
            <a:uFillTx/>
            <a:latin typeface="Ericsson Hilda"/>
            <a:ea typeface="+mn-ea"/>
            <a:cs typeface="+mn-cs"/>
          </a:defRPr>
        </a:defPPr>
      </a:lstStyle>
    </a:txDef>
  </a:objectDefaults>
  <a:extraClrSchemeLst>
    <a:extraClrScheme>
      <a:clrScheme name="Landscape2009 1">
        <a:dk1>
          <a:srgbClr val="58585A"/>
        </a:dk1>
        <a:lt1>
          <a:srgbClr val="FFFFFF"/>
        </a:lt1>
        <a:dk2>
          <a:srgbClr val="00285E"/>
        </a:dk2>
        <a:lt2>
          <a:srgbClr val="B1B3B4"/>
        </a:lt2>
        <a:accent1>
          <a:srgbClr val="89BA17"/>
        </a:accent1>
        <a:accent2>
          <a:srgbClr val="F08A00"/>
        </a:accent2>
        <a:accent3>
          <a:srgbClr val="FFFFFF"/>
        </a:accent3>
        <a:accent4>
          <a:srgbClr val="4A4A4C"/>
        </a:accent4>
        <a:accent5>
          <a:srgbClr val="C4D9AB"/>
        </a:accent5>
        <a:accent6>
          <a:srgbClr val="D97D00"/>
        </a:accent6>
        <a:hlink>
          <a:srgbClr val="00A9D4"/>
        </a:hlink>
        <a:folHlink>
          <a:srgbClr val="00625F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Primary Ericsson Blue 1">
      <a:srgbClr val="000082"/>
    </a:custClr>
    <a:custClr name="Primary Ericsson Blue 2">
      <a:srgbClr val="0050CA"/>
    </a:custClr>
    <a:custClr name="Primary Ericsson Blue">
      <a:srgbClr val="0082F0"/>
    </a:custClr>
    <a:custClr name="Primary Ericsson Blue 3">
      <a:srgbClr val="48A8FA"/>
    </a:custClr>
    <a:custClr name="Primary Ericsson Blue 4">
      <a:srgbClr val="85CCFF"/>
    </a:custClr>
    <a:custClr name="Secondary Ericsson Green">
      <a:srgbClr val="0FC373"/>
    </a:custClr>
    <a:custClr name="Secondary Ericsson Purple">
      <a:srgbClr val="AF78D2"/>
    </a:custClr>
    <a:custClr name="Secondary Ericsson Yellow">
      <a:srgbClr val="FAD22D"/>
    </a:custClr>
    <a:custClr name="Secondary Ericsson Orange">
      <a:srgbClr val="FF8C0A"/>
    </a:custClr>
    <a:custClr name="Secondary Ericsson Red">
      <a:srgbClr val="FF3232"/>
    </a:custClr>
    <a:custClr name="Secondary Ericsson Black">
      <a:srgbClr val="000000"/>
    </a:custClr>
    <a:custClr name="Secondary Ericsson Gray 1">
      <a:srgbClr val="242424"/>
    </a:custClr>
    <a:custClr name="Secondary Ericsson Gray 2">
      <a:srgbClr val="767676"/>
    </a:custClr>
    <a:custClr name="Secondary Ericsson Gray 3">
      <a:srgbClr val="A0A0A0"/>
    </a:custClr>
    <a:custClr name="Secondary Ericsson Gray 4">
      <a:srgbClr val="E0E0E0"/>
    </a:custClr>
    <a:custClr name="Secondary Ericsson Gray 5">
      <a:srgbClr val="F2F2F2"/>
    </a:custClr>
    <a:custClr name="Secondary Ericsson White">
      <a:srgbClr val="FFFFFF"/>
    </a:custClr>
  </a:custClrLst>
  <a:extLst>
    <a:ext uri="{05A4C25C-085E-4340-85A3-A5531E510DB2}">
      <thm15:themeFamily xmlns:thm15="http://schemas.microsoft.com/office/thememl/2012/main" name="PresentationTemplate2017.potx" id="{775AD81A-0AF6-45CB-889B-779F764C8091}" vid="{622262D2-9439-4A46-819E-379D679C1385}"/>
    </a:ext>
  </a:extLst>
</a:theme>
</file>

<file path=ppt/theme/theme2.xml><?xml version="1.0" encoding="utf-8"?>
<a:theme xmlns:a="http://schemas.openxmlformats.org/drawingml/2006/main" name="1_PresentationTemplate2021">
  <a:themeElements>
    <a:clrScheme name="Ericsson">
      <a:dk1>
        <a:srgbClr val="181818"/>
      </a:dk1>
      <a:lt1>
        <a:srgbClr val="FFFFFF"/>
      </a:lt1>
      <a:dk2>
        <a:srgbClr val="181818"/>
      </a:dk2>
      <a:lt2>
        <a:srgbClr val="E0E0E0"/>
      </a:lt2>
      <a:accent1>
        <a:srgbClr val="0082F0"/>
      </a:accent1>
      <a:accent2>
        <a:srgbClr val="0FC373"/>
      </a:accent2>
      <a:accent3>
        <a:srgbClr val="AF78D2"/>
      </a:accent3>
      <a:accent4>
        <a:srgbClr val="FAD22D"/>
      </a:accent4>
      <a:accent5>
        <a:srgbClr val="FF8C0A"/>
      </a:accent5>
      <a:accent6>
        <a:srgbClr val="FF3232"/>
      </a:accent6>
      <a:hlink>
        <a:srgbClr val="0082F0"/>
      </a:hlink>
      <a:folHlink>
        <a:srgbClr val="040969"/>
      </a:folHlink>
    </a:clrScheme>
    <a:fontScheme name="Ericsson">
      <a:majorFont>
        <a:latin typeface="Ericsson Hilda Light"/>
        <a:ea typeface=""/>
        <a:cs typeface=""/>
      </a:majorFont>
      <a:minorFont>
        <a:latin typeface="Ericsson Hild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1"/>
        </a:solidFill>
        <a:ln w="12700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<a:prstTxWarp prst="textNoShape">
          <a:avLst/>
        </a:prstTxWarp>
        <a:noAutofit/>
      </a:bodyPr>
      <a:lstStyle>
        <a:defPPr marL="180000" indent="-180000" algn="l">
          <a:spcBef>
            <a:spcPts val="800"/>
          </a:spcBef>
          <a:buFont typeface="Ericsson Hilda" panose="00000500000000000000" pitchFamily="2" charset="0"/>
          <a:buChar char="●"/>
          <a:defRPr dirty="0" err="1" smtClean="0">
            <a:solidFill>
              <a:srgbClr val="FFFFFF"/>
            </a:solidFill>
            <a:latin typeface="+mn-lt"/>
          </a:defRPr>
        </a:defPPr>
      </a:lstStyle>
    </a:spDef>
    <a:lnDef>
      <a:spPr bwMode="auto">
        <a:solidFill>
          <a:schemeClr val="accent1"/>
        </a:solidFill>
        <a:ln w="12700" cap="flat" cmpd="sng" algn="ctr">
          <a:solidFill>
            <a:schemeClr val="tx1"/>
          </a:solidFill>
          <a:prstDash val="solid"/>
          <a:round/>
          <a:headEnd type="none" w="med" len="med"/>
          <a:tailEnd type="none"/>
        </a:ln>
        <a:effectLst/>
      </a:spPr>
      <a:bodyPr/>
      <a:lstStyle/>
    </a:lnDef>
    <a:txDef>
      <a:spPr bwMode="auto">
        <a:noFill/>
        <a:ln w="9525">
          <a:noFill/>
          <a:miter lim="800000"/>
          <a:headEnd/>
          <a:tailEnd/>
        </a:ln>
      </a:spPr>
      <a:bodyPr vert="horz" wrap="square" lIns="72000" tIns="36000" rIns="0" bIns="0" numCol="1" anchor="t" anchorCtr="0" compatLnSpc="1">
        <a:prstTxWarp prst="textNoShape">
          <a:avLst/>
        </a:prstTxWarp>
        <a:noAutofit/>
      </a:bodyPr>
      <a:lstStyle>
        <a:defPPr algn="l">
          <a:defRPr sz="2000" spc="0" baseline="0" dirty="0" smtClean="0">
            <a:latin typeface="+mj-lt"/>
          </a:defRPr>
        </a:defPPr>
      </a:lstStyle>
    </a:txDef>
  </a:objectDefaults>
  <a:extraClrSchemeLst>
    <a:extraClrScheme>
      <a:clrScheme name="Landscape2009 1">
        <a:dk1>
          <a:srgbClr val="58585A"/>
        </a:dk1>
        <a:lt1>
          <a:srgbClr val="FFFFFF"/>
        </a:lt1>
        <a:dk2>
          <a:srgbClr val="00285E"/>
        </a:dk2>
        <a:lt2>
          <a:srgbClr val="B1B3B4"/>
        </a:lt2>
        <a:accent1>
          <a:srgbClr val="89BA17"/>
        </a:accent1>
        <a:accent2>
          <a:srgbClr val="F08A00"/>
        </a:accent2>
        <a:accent3>
          <a:srgbClr val="FFFFFF"/>
        </a:accent3>
        <a:accent4>
          <a:srgbClr val="4A4A4C"/>
        </a:accent4>
        <a:accent5>
          <a:srgbClr val="C4D9AB"/>
        </a:accent5>
        <a:accent6>
          <a:srgbClr val="D97D00"/>
        </a:accent6>
        <a:hlink>
          <a:srgbClr val="00A9D4"/>
        </a:hlink>
        <a:folHlink>
          <a:srgbClr val="00625F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Primary Ericsson Blue 1">
      <a:srgbClr val="000082"/>
    </a:custClr>
    <a:custClr name="Primary Ericsson Blue 2">
      <a:srgbClr val="0050CA"/>
    </a:custClr>
    <a:custClr name="Primary Ericsson Blue">
      <a:srgbClr val="0082F0"/>
    </a:custClr>
    <a:custClr name="Primary Ericsson Blue 3">
      <a:srgbClr val="48A8FA"/>
    </a:custClr>
    <a:custClr name="Primary Ericsson Blue 4">
      <a:srgbClr val="85CCFF"/>
    </a:custClr>
    <a:custClr name="Secondary Ericsson Green">
      <a:srgbClr val="0FC373"/>
    </a:custClr>
    <a:custClr name="Secondary Ericsson Purple">
      <a:srgbClr val="AF78D2"/>
    </a:custClr>
    <a:custClr name="Secondary Ericsson Yellow">
      <a:srgbClr val="FAD22D"/>
    </a:custClr>
    <a:custClr name="Secondary Ericsson Orange">
      <a:srgbClr val="FF8C0A"/>
    </a:custClr>
    <a:custClr name="Secondary Ericsson Red">
      <a:srgbClr val="FF3232"/>
    </a:custClr>
    <a:custClr name="Secondary Ericsson Black">
      <a:srgbClr val="000000"/>
    </a:custClr>
    <a:custClr name="Secondary Ericsson Gray 1">
      <a:srgbClr val="242424"/>
    </a:custClr>
    <a:custClr name="Secondary Ericsson Gray 2">
      <a:srgbClr val="767676"/>
    </a:custClr>
    <a:custClr name="Secondary Ericsson Gray 3">
      <a:srgbClr val="A0A0A0"/>
    </a:custClr>
    <a:custClr name="Secondary Ericsson Gray 4">
      <a:srgbClr val="E0E0E0"/>
    </a:custClr>
    <a:custClr name="Secondary Ericsson Gray 5">
      <a:srgbClr val="F2F2F2"/>
    </a:custClr>
    <a:custClr name="Secondary Ericsson White">
      <a:srgbClr val="FFFFFF"/>
    </a:custClr>
  </a:custClrLst>
  <a:extLst>
    <a:ext uri="{05A4C25C-085E-4340-85A3-A5531E510DB2}">
      <thm15:themeFamily xmlns:thm15="http://schemas.microsoft.com/office/thememl/2012/main" name="PresentationTemplate2017.potx" id="{775AD81A-0AF6-45CB-889B-779F764C8091}" vid="{622262D2-9439-4A46-819E-379D679C1385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Ericsson Hilda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Ericsson Hilda"/>
        <a:font script="Hebr" typeface="Ericsson Hilda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Ericsson Hilda"/>
        <a:font script="Uigh" typeface="Microsoft Uighur"/>
        <a:font script="Geor" typeface="Sylfaen"/>
        <a:font script="Armn" typeface="Ericsson Hilda Light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Ericsson Hilda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Ericsson Hilda Light"/>
        <a:font script="Hebr" typeface="Ericsson Hilda Light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Ericsson Hilda Light"/>
        <a:font script="Uigh" typeface="Microsoft Uighur"/>
        <a:font script="Geor" typeface="Sylfaen"/>
        <a:font script="Armn" typeface="Ericsson Hilda Light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Primary Ericsson Blue 1">
      <a:srgbClr val="000082"/>
    </a:custClr>
    <a:custClr name="Primary Ericsson Blue 2">
      <a:srgbClr val="0050CA"/>
    </a:custClr>
    <a:custClr name="Primary Ericsson Blue">
      <a:srgbClr val="0082F0"/>
    </a:custClr>
    <a:custClr name="Primary Ericsson Blue 3">
      <a:srgbClr val="48A8FA"/>
    </a:custClr>
    <a:custClr name="Primary Ericsson Blue 4">
      <a:srgbClr val="85CCFF"/>
    </a:custClr>
    <a:custClr name="Secondary Ericsson Green">
      <a:srgbClr val="0FC373"/>
    </a:custClr>
    <a:custClr name="Secondary Ericsson Purple">
      <a:srgbClr val="AF78D2"/>
    </a:custClr>
    <a:custClr name="Secondary Ericsson Yellow">
      <a:srgbClr val="FAD22D"/>
    </a:custClr>
    <a:custClr name="Secondary Ericsson Orange">
      <a:srgbClr val="FF8C0A"/>
    </a:custClr>
    <a:custClr name="Secondary Ericsson Red">
      <a:srgbClr val="FF3232"/>
    </a:custClr>
    <a:custClr name="Secondary Ericsson Black">
      <a:srgbClr val="000000"/>
    </a:custClr>
    <a:custClr name="Secondary Ericsson Gray 1">
      <a:srgbClr val="242424"/>
    </a:custClr>
    <a:custClr name="Secondary Ericsson Gray 2">
      <a:srgbClr val="767676"/>
    </a:custClr>
    <a:custClr name="Secondary Ericsson Gray 3">
      <a:srgbClr val="A0A0A0"/>
    </a:custClr>
    <a:custClr name="Secondary Ericsson Gray 4">
      <a:srgbClr val="E0E0E0"/>
    </a:custClr>
    <a:custClr name="Secondary Ericsson Gray 5">
      <a:srgbClr val="F2F2F2"/>
    </a:custClr>
    <a:custClr name="Secondary Ericsson White"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4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Ericsson Hilda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Ericsson Hilda"/>
        <a:font script="Hebr" typeface="Ericsson Hilda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Ericsson Hilda"/>
        <a:font script="Uigh" typeface="Microsoft Uighur"/>
        <a:font script="Geor" typeface="Sylfaen"/>
        <a:font script="Armn" typeface="Ericsson Hilda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Ericsson Hilda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Ericsson Hilda"/>
        <a:font script="Hebr" typeface="Ericsson Hilda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Ericsson Hilda"/>
        <a:font script="Uigh" typeface="Microsoft Uighur"/>
        <a:font script="Geor" typeface="Sylfaen"/>
        <a:font script="Armn" typeface="Ericsson Hilda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Primary Ericsson Blue 1">
      <a:srgbClr val="000082"/>
    </a:custClr>
    <a:custClr name="Primary Ericsson Blue 2">
      <a:srgbClr val="0050CA"/>
    </a:custClr>
    <a:custClr name="Primary Ericsson Blue">
      <a:srgbClr val="0082F0"/>
    </a:custClr>
    <a:custClr name="Primary Ericsson Blue 3">
      <a:srgbClr val="48A8FA"/>
    </a:custClr>
    <a:custClr name="Primary Ericsson Blue 4">
      <a:srgbClr val="85CCFF"/>
    </a:custClr>
    <a:custClr name="Secondary Ericsson Green">
      <a:srgbClr val="0FC373"/>
    </a:custClr>
    <a:custClr name="Secondary Ericsson Purple">
      <a:srgbClr val="AF78D2"/>
    </a:custClr>
    <a:custClr name="Secondary Ericsson Yellow">
      <a:srgbClr val="FAD22D"/>
    </a:custClr>
    <a:custClr name="Secondary Ericsson Orange">
      <a:srgbClr val="FF8C0A"/>
    </a:custClr>
    <a:custClr name="Secondary Ericsson Red">
      <a:srgbClr val="FF3232"/>
    </a:custClr>
    <a:custClr name="Secondary Ericsson Black">
      <a:srgbClr val="000000"/>
    </a:custClr>
    <a:custClr name="Secondary Ericsson Gray 1">
      <a:srgbClr val="242424"/>
    </a:custClr>
    <a:custClr name="Secondary Ericsson Gray 2">
      <a:srgbClr val="767676"/>
    </a:custClr>
    <a:custClr name="Secondary Ericsson Gray 3">
      <a:srgbClr val="A0A0A0"/>
    </a:custClr>
    <a:custClr name="Secondary Ericsson Gray 4">
      <a:srgbClr val="E0E0E0"/>
    </a:custClr>
    <a:custClr name="Secondary Ericsson Gray 5">
      <a:srgbClr val="F2F2F2"/>
    </a:custClr>
    <a:custClr name="Secondary Ericsson White"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item1.xml><?xml version="1.0" encoding="utf-8"?>
<TemplafySlideTemplateConfiguration><![CDATA[{"elementsMetadata":[],"documentContentValidatorConfiguration":{"enableDocumentContentValidator":false,"documentContentValidatorVersion":0},"slideId":"637027476704980324","enableDocumentContentUpdater":true,"version":"1.9"}]]></TemplafySlideTemplateConfiguration>
</file>

<file path=customXml/item2.xml><?xml version="1.0" encoding="utf-8"?>
<TemplafyTemplateConfiguration><![CDATA[{"elementsMetadata":[],"transformationConfigurations":[{"language":"{{DocumentLanguage}}","disableUpdates":false,"type":"proofingLanguage"},{"propertyName":"FooterText","propertyValue":"true","disableUpdates":false,"type":"customDocumentProperty"},{"propertyName":"SecurityClass","propertyValue":"{{Form.ConfidentialityClass.Confidentiality}}","disableUpdates":false,"type":"customDocumentProperty"},{"propertyName":"ExtConf","propertyValue":"{{Form.ExternalConfidentialityLabel.ExternalConfidentiality}}","disableUpdates":false,"type":"customDocumentProperty"},{"propertyName":"Prepared","propertyValue":"{{Form.Prepared}}","disableUpdates":false,"type":"customDocumentProperty"},{"propertyName":"ApprovedBy","propertyValue":"{{Form.ApprovedBy}}","disableUpdates":false,"type":"customDocumentProperty"},{"propertyName":"DocNo","propertyValue":"{{Form.DocumentNumber}} {{Form.LanguageCode.LanguageCode}}","disableUpdates":false,"type":"customDocumentProperty"},{"propertyName":"Checked","propertyValue":"{{Form.Checked}}","disableUpdates":false,"type":"customDocumentProperty"},{"propertyName":"Date","propertyValue":"{{Form.Date}}","disableUpdates":false,"type":"customDocumentProperty"},{"propertyName":"Reference","propertyValue":"{{Form.Reference}}","disableUpdates":false,"type":"customDocumentProperty"},{"propertyName":"Title","propertyValue":"{{Form.DocumentTitle}}","disableUpdates":false,"type":"customDocumentProperty"},{"propertyName":"Keyword","propertyValue":"{{Form.Keywords}}","disableUpdates":false,"type":"customDocumentProperty"},{"propertyName":"DocumentType","propertyValue":"Presentation2011","disableUpdates":false,"type":"customDocumentProperty"},{"propertyName":"Language","propertyValue":"EnglishUS","disableUpdates":false,"type":"customDocumentProperty"},{"propertyName":"TemplateID","propertyValue":"FALSE","disableUpdates":false,"type":"customDocumentProperty"},{"propertyName":"ConfCtrl","propertyValue":"FALSE","disableUpdates":false,"type":"customDocumentProperty"},{"propertyName":"title","propertyValue":"{{Form.DocumentTitle}}","disableUpdates":false,"type":"documentProperty"},{"propertyName":"keywords","propertyValue":"{{Form.Keywords}}","disableUpdates":false,"type":"documentProperty"},{"propertyName":"creator","propertyValue":"{{Form.Prepared}}","disableUpdates":false,"type":"documentProperty"},{"propertyName":"DocTitle","propertyValue":"{{Form.DocTitle.DocTitle}}","disableUpdates":false,"type":"customDocumentProperty"},{"propertyName":"IsDocument","propertyValue":"{{Form.TemplateType.IsDocument}}","disableUpdates":false,"type":"customDocumentProperty"},{"propertyName":"IsPresentation","propertyValue":"{{Form.TemplateType.IsPresentation}}","disableUpdates":false,"type":"customDocumentProperty"},{"propertyName":"company","propertyValue":"Ericsson","disableUpdates":false,"type":"documentProperty"},{"propertyName":"PageNumberVisible","propertyValue":"{{Form.TotalPageNo.TotalPageNo_value}}","disableUpdates":false,"type":"customDocumentProperty"},{"propertyName":"Revision","propertyValue":"{{Form.Revision}}","disableUpdates":false,"type":"customDocumentProperty"},{"propertyName":"DocType","propertyValue":"{{Form.DocTypePresentation}}","disableUpdates":false,"type":"customDocumentProperty"},{"propertyName":"TemplateVersion","propertyValue":"R2A","disableUpdates":false,"type":"customDocumentProperty"},{"propertyName":"PackageNo","propertyValue":"LXA 119 603","disableUpdates":false,"type":"customDocumentProperty"},{"propertyName":"PackageVersion","propertyValue":"R6B","disableUpdates":false,"type":"customDocumentProperty"},{"propertyName":"TemplateName","propertyValue":"CXC 173 2731/1","disableUpdates":false,"type":"customDocumentProperty"},{"propertyName":"DocName","propertyValue":" ","disableUpdates":false,"type":"customDocumentProperty"},{"propertyName":"description","propertyValue":"{{Form.DocumentNumber}} {{Form.LanguageCode.LanguageCode}}\nRev {{Form.Revision}}","disableUpdates":false,"type":"documentProperty"}],"templateName":"","templateDescription":"","enableDocumentContentUpdater":true,"version":"1.9"}]]></TemplafyTemplateConfiguration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A28AEA22BC61E048A9038B00CABBED97" ma:contentTypeVersion="4" ma:contentTypeDescription="Create a new document." ma:contentTypeScope="" ma:versionID="d757c565b41935149aec2dcf5cfc9ab4">
  <xsd:schema xmlns:xsd="http://www.w3.org/2001/XMLSchema" xmlns:xs="http://www.w3.org/2001/XMLSchema" xmlns:p="http://schemas.microsoft.com/office/2006/metadata/properties" xmlns:ns2="5a9d8e54-2b21-4b75-b1f5-1a436dc4e136" targetNamespace="http://schemas.microsoft.com/office/2006/metadata/properties" ma:root="true" ma:fieldsID="55efe364df8fbb3f561433a53533b381" ns2:_="">
    <xsd:import namespace="5a9d8e54-2b21-4b75-b1f5-1a436dc4e136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SearchProperties" minOccurs="0"/>
                <xsd:element ref="ns2:MediaServiceObjectDetectorVersion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5a9d8e54-2b21-4b75-b1f5-1a436dc4e136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SearchProperties" ma:index="10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ObjectDetectorVersions" ma:index="11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4.xml><?xml version="1.0" encoding="utf-8"?>
<TemplafyFormConfiguration><![CDATA[{"formFields":[{"required":true,"placeholder":"","lines":0,"helpTexts":{"prefix":"","postfix":""},"spacing":{},"type":"textBox","name":"DocumentTitle","label":"Document Title","fullyQualifiedName":"DocumentTitle"},{"dataSource":"Confidentiality","displayColumn":"confidentiality","hideIfNoUserInteractionRequired":false,"distinct":true,"required":true,"autoSelectFirstOption":false,"helpTexts":{"prefix":"","postfix":""},"spacing":{},"type":"dropDown","name":"ConfidentialityClass","label":"Confidentiality Class","fullyQualifiedName":"ConfidentialityClass"},{"dataSource":"External Confidentiality label","displayColumn":"externalConfidentiality","hideIfNoUserInteractionRequired":false,"distinct":true,"required":false,"autoSelectFirstOption":false,"helpTexts":{"prefix":"","postfix":"If no external confidentiality class then please choose the blank value"},"spacing":{},"type":"dropDown","name":"ExternalConfidentialityLabel","label":"External Confidentiality label","fullyQualifiedName":"ExternalConfidentialityLabel"},{"column":"documentType","required":true,"placeholder":"","autoSelectFirstOption":false,"helpTexts":{"prefix":"","postfix":""},"spacing":{},"dataSource":"PowerPoint Document Type","type":"comboBox","name":"DocTypePresentation","label":"Document Type","fullyQualifiedName":"DocTypePresentation"},{"required":false,"placeholder":"","lines":0,"helpTexts":{"prefix":"","postfix":""},"spacing":{},"type":"textBox","name":"DocumentNumber","label":"Document Number","fullyQualifiedName":"DocumentNumber"},{"dataSource":"Language code","displayColumn":"showName","defaultValue":"1","hideIfNoUserInteractionRequired":false,"distinct":true,"required":false,"autoSelectFirstOption":false,"helpTexts":{"prefix":"","postfix":"The language code will be appended to the Document No."},"spacing":{},"type":"dropDown","name":"LanguageCode","label":"Language Code","fullyQualifiedName":"LanguageCode"},{"column":"revision","required":false,"placeholder":"","autoSelectFirstOption":false,"helpTexts":{"prefix":"","postfix":""},"spacing":{},"dataSource":"Revision","type":"comboBox","name":"Revision","label":"Revision","fullyQualifiedName":"Revision"},{"required":false,"helpTexts":{"prefix":"","postfix":""},"spacing":{},"type":"datePicker","name":"Date","label":"Date","fullyQualifiedName":"Date"},{"helpTexts":{"prefix":"","postfix":""},"spacing":{},"type":"heading","name":"FooterVisibilityOptions","label":"Footer Visibility Options","fullyQualifiedName":"FooterVisibilityOptions"},{"dataSource":"PPT FooterVisibility","displayColumn":"templateType","defaultValue":"1","hideIfNoUserInteractionRequired":false,"distinct":true,"required":true,"autoSelectFirstOption":false,"helpTexts":{"prefix":"","postfix":""},"spacing":{},"type":"dropDown","name":"TemplateType","label":"Is this a document or presentation?","fullyQualifiedName":"TemplateType"},{"dataSource":"PPT FooterVisibility","displayColumn":"docTitle_label","filter":{"column":"templateType","otherFieldName":"TemplateType","fullyQualifiedOtherFieldName":"TemplateType","otherFieldColumn":"TemplateType","formReference":"none","operator":"equals"},"hideIfNoUserInteractionRequired":false,"distinct":true,"required":false,"autoSelectFirstOption":true,"helpTexts":{"prefix":"","postfix":""},"spacing":{},"type":"dropDown","name":"DocTitle","label":"Show document title in footer?","fullyQualifiedName":"DocTitle"},{"dataSource":"PPT FooterVisibility","displayColumn":"totalPageNo_text","filter":{"column":"templateType","otherFieldName":"TemplateType","fullyQualifiedOtherFieldName":"TemplateType","otherFieldColumn":"TemplateType","formReference":"none","operator":"equals"},"hideIfNoUserInteractionRequired":false,"distinct":true,"required":false,"autoSelectFirstOption":true,"helpTexts":{"prefix":"","postfix":""},"spacing":{},"type":"dropDown","name":"TotalPageNo","label":"Page numbering","fullyQualifiedName":"TotalPageNo"},{"required":false,"placeholder":"","lines":0,"defaultValue":"{{UserProfile.Prepared}}","helpTexts":{"prefix":"","postfix":""},"spacing":{},"type":"textBox","name":"Prepared","label":"Prepared By (Subject Responsible)","fullyQualifiedName":"Prepared"},{"required":false,"placeholder":"","lines":0,"helpTexts":{"prefix":"","postfix":""},"spacing":{},"type":"textBox","name":"ApprovedBy","label":"Approved By (Document Responsible)","fullyQualifiedName":"ApprovedBy"},{"required":false,"placeholder":"","lines":0,"helpTexts":{"prefix":"","postfix":""},"spacing":{},"type":"textBox","name":"Checked","label":"Checked","fullyQualifiedName":"Checked"},{"required":false,"placeholder":"","lines":0,"helpTexts":{"prefix":"","postfix":""},"spacing":{},"type":"textBox","name":"Reference","label":"Reference","fullyQualifiedName":"Reference"},{"required":false,"placeholder":"","lines":0,"helpTexts":{"prefix":"","postfix":""},"spacing":{},"type":"textBox","name":"Keywords","label":"Keywords","fullyQualifiedName":"Keywords"}],"formDataEntries":[{"name":"DocumentTitle","value":"6idLPZR/4wA/6Ns6gk1JjR2gc6XvTsjN/GzuspQHQow="},{"name":"ConfidentialityClass","value":"PxVEvJY8nE7m/hY9622Sng=="},{"name":"DocTypePresentation","value":"hYG1RS7sIFPr/C38jROUyWG/rXM13Rc2vpxtC7gPc+Y="},{"name":"LanguageCode","value":"5wlu7ZdPxHQj1W0w+yTNSg=="},{"name":"Revision","value":"pNU4V0/pGV5ylCSfL688bA=="},{"name":"Date","value":"oc3+FmRqxMN6L+lvqZdVVw=="},{"name":"TemplateType","value":"5wlu7ZdPxHQj1W0w+yTNSg=="},{"name":"DocTitle","value":"cT/FOwTWaPknrhRlNMh4SQ=="},{"name":"TotalPageNo","value":"5wlu7ZdPxHQj1W0w+yTNSg=="},{"name":"Prepared","value":"H9UB1XfJr/ncRyLSS3sP1ClzTx9fSRFsDPWYUtuTWR8="}]}]]></TemplafyFormConfiguration>
</file>

<file path=customXml/item5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6.xml><?xml version="1.0" encoding="utf-8"?>
<TemplafySlideFormConfiguration><![CDATA[{"formFields":[],"formDataEntries":[]}]]></TemplafySlideFormConfiguration>
</file>

<file path=customXml/item7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C09F197C-6A49-47D0-B877-F88807989676}">
  <ds:schemaRefs/>
</ds:datastoreItem>
</file>

<file path=customXml/itemProps2.xml><?xml version="1.0" encoding="utf-8"?>
<ds:datastoreItem xmlns:ds="http://schemas.openxmlformats.org/officeDocument/2006/customXml" ds:itemID="{07958A4E-FAB1-42E4-B6B5-29B01F63F87B}">
  <ds:schemaRefs/>
</ds:datastoreItem>
</file>

<file path=customXml/itemProps3.xml><?xml version="1.0" encoding="utf-8"?>
<ds:datastoreItem xmlns:ds="http://schemas.openxmlformats.org/officeDocument/2006/customXml" ds:itemID="{0C8F50F8-E268-4DB5-BE61-6113176C7FED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5a9d8e54-2b21-4b75-b1f5-1a436dc4e136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4.xml><?xml version="1.0" encoding="utf-8"?>
<ds:datastoreItem xmlns:ds="http://schemas.openxmlformats.org/officeDocument/2006/customXml" ds:itemID="{D92C3DF5-A179-4E2D-BD20-07044B39171F}">
  <ds:schemaRefs/>
</ds:datastoreItem>
</file>

<file path=customXml/itemProps5.xml><?xml version="1.0" encoding="utf-8"?>
<ds:datastoreItem xmlns:ds="http://schemas.openxmlformats.org/officeDocument/2006/customXml" ds:itemID="{F5A7E41D-6E7F-4B05-AFAB-F540BD4C068B}">
  <ds:schemaRefs>
    <ds:schemaRef ds:uri="http://schemas.microsoft.com/sharepoint/v3/contenttype/forms"/>
  </ds:schemaRefs>
</ds:datastoreItem>
</file>

<file path=customXml/itemProps6.xml><?xml version="1.0" encoding="utf-8"?>
<ds:datastoreItem xmlns:ds="http://schemas.openxmlformats.org/officeDocument/2006/customXml" ds:itemID="{B9AEDDE3-EA02-4A8F-B8F8-0606A0AA45FC}">
  <ds:schemaRefs/>
</ds:datastoreItem>
</file>

<file path=customXml/itemProps7.xml><?xml version="1.0" encoding="utf-8"?>
<ds:datastoreItem xmlns:ds="http://schemas.openxmlformats.org/officeDocument/2006/customXml" ds:itemID="{56F2EE69-0CCA-4F48-BE22-EC4A886C57A7}">
  <ds:schemaRefs>
    <ds:schemaRef ds:uri="http://schemas.microsoft.com/office/infopath/2007/PartnerControls"/>
    <ds:schemaRef ds:uri="http://www.w3.org/XML/1998/namespace"/>
    <ds:schemaRef ds:uri="http://schemas.openxmlformats.org/package/2006/metadata/core-properties"/>
    <ds:schemaRef ds:uri="http://schemas.microsoft.com/office/2006/documentManagement/types"/>
    <ds:schemaRef ds:uri="http://schemas.microsoft.com/office/2006/metadata/properties"/>
    <ds:schemaRef ds:uri="http://purl.org/dc/elements/1.1/"/>
    <ds:schemaRef ds:uri="http://purl.org/dc/terms/"/>
    <ds:schemaRef ds:uri="a6550eff-0fc9-443f-8e77-72cbcf778382"/>
    <ds:schemaRef ds:uri="92e1255f-bb7b-4dc9-b051-584cc104eb44"/>
    <ds:schemaRef ds:uri="http://purl.org/dc/dcmitype/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TM16401371[[fn=Atlas]]</Template>
  <TotalTime>1981</TotalTime>
  <Words>424</Words>
  <Application>Microsoft Office PowerPoint</Application>
  <PresentationFormat>Widescreen</PresentationFormat>
  <Paragraphs>94</Paragraphs>
  <Slides>22</Slides>
  <Notes>1</Notes>
  <HiddenSlides>0</HiddenSlides>
  <MMClips>0</MMClips>
  <ScaleCrop>false</ScaleCrop>
  <HeadingPairs>
    <vt:vector size="8" baseType="variant">
      <vt:variant>
        <vt:lpstr>Fonts Used</vt:lpstr>
      </vt:variant>
      <vt:variant>
        <vt:i4>9</vt:i4>
      </vt:variant>
      <vt:variant>
        <vt:lpstr>Theme</vt:lpstr>
      </vt:variant>
      <vt:variant>
        <vt:i4>2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22</vt:i4>
      </vt:variant>
    </vt:vector>
  </HeadingPairs>
  <TitlesOfParts>
    <vt:vector size="34" baseType="lpstr">
      <vt:lpstr>Ericsson Hilda Light</vt:lpstr>
      <vt:lpstr>Ericsson Hilda (Body)</vt:lpstr>
      <vt:lpstr>EucrosiaUPC</vt:lpstr>
      <vt:lpstr>Ericsson Hilda ExtraLight</vt:lpstr>
      <vt:lpstr>Ericsson Hilda ExtraBold</vt:lpstr>
      <vt:lpstr>Ericsson Hilda</vt:lpstr>
      <vt:lpstr>Lato Light</vt:lpstr>
      <vt:lpstr>Ericsson Technical Icons</vt:lpstr>
      <vt:lpstr>Arial</vt:lpstr>
      <vt:lpstr>PresentationTemplate2021</vt:lpstr>
      <vt:lpstr>1_PresentationTemplate2021</vt:lpstr>
      <vt:lpstr>think-cell Slide</vt:lpstr>
      <vt:lpstr>Graph Neural Networks (GNNs) to Optimize Telecommunications Networks</vt:lpstr>
      <vt:lpstr>Who we are</vt:lpstr>
      <vt:lpstr>Classical Neural Networks</vt:lpstr>
      <vt:lpstr>What is a Graph?</vt:lpstr>
      <vt:lpstr>PowerPoint Presentation</vt:lpstr>
      <vt:lpstr>Message Passing</vt:lpstr>
      <vt:lpstr>Message Passing</vt:lpstr>
      <vt:lpstr>Frameworks</vt:lpstr>
      <vt:lpstr>Frameworks – PyTorch Geometric</vt:lpstr>
      <vt:lpstr>Model for node classification</vt:lpstr>
      <vt:lpstr>How to train a GNN for node classification?</vt:lpstr>
      <vt:lpstr>Scaling Graph Neural Networks</vt:lpstr>
      <vt:lpstr>Model for graph classification</vt:lpstr>
      <vt:lpstr>How to train a GNN for graph classification?</vt:lpstr>
      <vt:lpstr>Model for link classification</vt:lpstr>
      <vt:lpstr>How to train a GNN for link classification?</vt:lpstr>
      <vt:lpstr>How to optimize a cellular network </vt:lpstr>
      <vt:lpstr>Uplink Interference</vt:lpstr>
      <vt:lpstr>PowerPoint Presentation</vt:lpstr>
      <vt:lpstr>PowerPoint Presentation</vt:lpstr>
      <vt:lpstr>References</vt:lpstr>
      <vt:lpstr>PowerPoint Presentation</vt:lpstr>
    </vt:vector>
  </TitlesOfParts>
  <Company>Ericsson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CNS AI Differentiators</dc:title>
  <dc:creator>EPHILFR Philipp Frank</dc:creator>
  <cp:keywords/>
  <dc:description>Rev A</dc:description>
  <cp:lastModifiedBy>Oscar Llorente Gonzalez</cp:lastModifiedBy>
  <cp:revision>79</cp:revision>
  <dcterms:created xsi:type="dcterms:W3CDTF">2019-04-23T15:12:54Z</dcterms:created>
  <dcterms:modified xsi:type="dcterms:W3CDTF">2025-02-20T16:27:2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BCategory">
    <vt:lpwstr> </vt:lpwstr>
  </property>
  <property fmtid="{D5CDD505-2E9C-101B-9397-08002B2CF9AE}" pid="3" name="TemplateIdentity">
    <vt:lpwstr> </vt:lpwstr>
  </property>
  <property fmtid="{D5CDD505-2E9C-101B-9397-08002B2CF9AE}" pid="4" name="DocName">
    <vt:lpwstr> </vt:lpwstr>
  </property>
  <property fmtid="{D5CDD505-2E9C-101B-9397-08002B2CF9AE}" pid="5" name="ContentTypeId">
    <vt:lpwstr>0x010100A28AEA22BC61E048A9038B00CABBED97</vt:lpwstr>
  </property>
  <property fmtid="{D5CDD505-2E9C-101B-9397-08002B2CF9AE}" pid="6" name="DocumentDataTemplate">
    <vt:lpwstr>true</vt:lpwstr>
  </property>
  <property fmtid="{D5CDD505-2E9C-101B-9397-08002B2CF9AE}" pid="7" name="BSubject">
    <vt:lpwstr> </vt:lpwstr>
  </property>
  <property fmtid="{D5CDD505-2E9C-101B-9397-08002B2CF9AE}" pid="8" name="TemplafyTimeStamp">
    <vt:lpwstr>2021-09-22T11:18:46.6132967Z</vt:lpwstr>
  </property>
  <property fmtid="{D5CDD505-2E9C-101B-9397-08002B2CF9AE}" pid="9" name="TemplafyTenantId">
    <vt:lpwstr>ericsson</vt:lpwstr>
  </property>
  <property fmtid="{D5CDD505-2E9C-101B-9397-08002B2CF9AE}" pid="10" name="TemplafyTemplateId">
    <vt:lpwstr>637661677935531027</vt:lpwstr>
  </property>
  <property fmtid="{D5CDD505-2E9C-101B-9397-08002B2CF9AE}" pid="11" name="TemplafyUserProfileId">
    <vt:lpwstr>637104614779859205</vt:lpwstr>
  </property>
  <property fmtid="{D5CDD505-2E9C-101B-9397-08002B2CF9AE}" pid="12" name="TemplafyLanguageCode">
    <vt:lpwstr>en-US</vt:lpwstr>
  </property>
  <property fmtid="{D5CDD505-2E9C-101B-9397-08002B2CF9AE}" pid="13" name="FooterText">
    <vt:lpwstr>true</vt:lpwstr>
  </property>
  <property fmtid="{D5CDD505-2E9C-101B-9397-08002B2CF9AE}" pid="14" name="SecurityClass">
    <vt:lpwstr>Ericsson Confidential</vt:lpwstr>
  </property>
  <property fmtid="{D5CDD505-2E9C-101B-9397-08002B2CF9AE}" pid="15" name="ExtConf">
    <vt:lpwstr/>
  </property>
  <property fmtid="{D5CDD505-2E9C-101B-9397-08002B2CF9AE}" pid="16" name="Prepared">
    <vt:lpwstr>EPHILFR Philipp Frank</vt:lpwstr>
  </property>
  <property fmtid="{D5CDD505-2E9C-101B-9397-08002B2CF9AE}" pid="17" name="ApprovedBy">
    <vt:lpwstr/>
  </property>
  <property fmtid="{D5CDD505-2E9C-101B-9397-08002B2CF9AE}" pid="18" name="DocNo">
    <vt:lpwstr> </vt:lpwstr>
  </property>
  <property fmtid="{D5CDD505-2E9C-101B-9397-08002B2CF9AE}" pid="19" name="Checked">
    <vt:lpwstr/>
  </property>
  <property fmtid="{D5CDD505-2E9C-101B-9397-08002B2CF9AE}" pid="20" name="Date">
    <vt:lpwstr>2023-09-08</vt:lpwstr>
  </property>
  <property fmtid="{D5CDD505-2E9C-101B-9397-08002B2CF9AE}" pid="21" name="Reference">
    <vt:lpwstr/>
  </property>
  <property fmtid="{D5CDD505-2E9C-101B-9397-08002B2CF9AE}" pid="22" name="Title">
    <vt:lpwstr>CNS AI Differentiators</vt:lpwstr>
  </property>
  <property fmtid="{D5CDD505-2E9C-101B-9397-08002B2CF9AE}" pid="23" name="Keyword">
    <vt:lpwstr/>
  </property>
  <property fmtid="{D5CDD505-2E9C-101B-9397-08002B2CF9AE}" pid="24" name="DocumentType">
    <vt:lpwstr>Presentation2011</vt:lpwstr>
  </property>
  <property fmtid="{D5CDD505-2E9C-101B-9397-08002B2CF9AE}" pid="25" name="Language">
    <vt:lpwstr>EnglishUS</vt:lpwstr>
  </property>
  <property fmtid="{D5CDD505-2E9C-101B-9397-08002B2CF9AE}" pid="26" name="TemplateID">
    <vt:lpwstr>FALSE</vt:lpwstr>
  </property>
  <property fmtid="{D5CDD505-2E9C-101B-9397-08002B2CF9AE}" pid="27" name="ConfCtrl">
    <vt:lpwstr>FALSE</vt:lpwstr>
  </property>
  <property fmtid="{D5CDD505-2E9C-101B-9397-08002B2CF9AE}" pid="28" name="DocTitle">
    <vt:lpwstr>true</vt:lpwstr>
  </property>
  <property fmtid="{D5CDD505-2E9C-101B-9397-08002B2CF9AE}" pid="29" name="IsDocument">
    <vt:lpwstr>true</vt:lpwstr>
  </property>
  <property fmtid="{D5CDD505-2E9C-101B-9397-08002B2CF9AE}" pid="30" name="IsPresentation">
    <vt:lpwstr>false</vt:lpwstr>
  </property>
  <property fmtid="{D5CDD505-2E9C-101B-9397-08002B2CF9AE}" pid="31" name="PageNumberVisible">
    <vt:lpwstr>PageXY</vt:lpwstr>
  </property>
  <property fmtid="{D5CDD505-2E9C-101B-9397-08002B2CF9AE}" pid="32" name="Revision">
    <vt:lpwstr>A</vt:lpwstr>
  </property>
  <property fmtid="{D5CDD505-2E9C-101B-9397-08002B2CF9AE}" pid="33" name="DocType">
    <vt:lpwstr>Solution Description</vt:lpwstr>
  </property>
  <property fmtid="{D5CDD505-2E9C-101B-9397-08002B2CF9AE}" pid="34" name="TemplateVersion">
    <vt:lpwstr>R2A</vt:lpwstr>
  </property>
  <property fmtid="{D5CDD505-2E9C-101B-9397-08002B2CF9AE}" pid="35" name="PackageNo">
    <vt:lpwstr>LXA 119 603</vt:lpwstr>
  </property>
  <property fmtid="{D5CDD505-2E9C-101B-9397-08002B2CF9AE}" pid="36" name="PackageVersion">
    <vt:lpwstr>R6B</vt:lpwstr>
  </property>
  <property fmtid="{D5CDD505-2E9C-101B-9397-08002B2CF9AE}" pid="37" name="TemplateName">
    <vt:lpwstr>CXC 173 2731/1</vt:lpwstr>
  </property>
</Properties>
</file>